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  <p:sldMasterId id="2147483672" r:id="rId3"/>
  </p:sldMasterIdLst>
  <p:sldIdLst>
    <p:sldId id="275" r:id="rId4"/>
    <p:sldId id="276" r:id="rId5"/>
    <p:sldId id="260" r:id="rId6"/>
    <p:sldId id="257" r:id="rId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12" d="100"/>
          <a:sy n="112" d="100"/>
        </p:scale>
        <p:origin x="552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3" Type="http://schemas.openxmlformats.org/officeDocument/2006/relationships/slideMaster" Target="slideMasters/slideMaster3.xml"/><Relationship Id="rId7" Type="http://schemas.openxmlformats.org/officeDocument/2006/relationships/slide" Target="slides/slide4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tableStyles" Target="tableStyles.xml"/><Relationship Id="rId5" Type="http://schemas.openxmlformats.org/officeDocument/2006/relationships/slide" Target="slides/slide2.xml"/><Relationship Id="rId10" Type="http://schemas.openxmlformats.org/officeDocument/2006/relationships/theme" Target="theme/theme1.xml"/><Relationship Id="rId4" Type="http://schemas.openxmlformats.org/officeDocument/2006/relationships/slide" Target="slides/slide1.xml"/><Relationship Id="rId9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C2CC1F-3385-427F-91C7-27297D8B415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BE12C4E-FE81-41BE-A9EF-DE4EBE7007F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294C6EA-3356-4EEE-9106-BA609BF4E2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469296-D8C3-4B5C-97F9-24F575D6E429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0DB5EFA-5186-46CA-8CB1-0DFB679E94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A88AB69-CF9A-4C1B-BE87-A0A5E308F0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712A12-B57D-44CB-80F1-425EB5B73EA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028699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29DC6E-69BE-4100-A136-4973FFD463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576640D-6772-48BF-A5BB-5BEB37A1D10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CE10BFC-4155-48E6-A119-03CAD331EE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469296-D8C3-4B5C-97F9-24F575D6E429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823AB5D-1954-416D-B414-7ABE3B1A8E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F383285-1ADB-4D93-B9BB-8E607E5F4F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712A12-B57D-44CB-80F1-425EB5B73EA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378295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28268E0-5796-488E-882E-408368179E7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99BE4E4-BF20-4330-ADE0-9AE342AC0DE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617E055-756B-400A-99F8-803B0773E9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469296-D8C3-4B5C-97F9-24F575D6E429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949296-25FB-4C02-B5DE-BAB786FA58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741FFEC-4442-4A3F-B800-6E9639135A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712A12-B57D-44CB-80F1-425EB5B73EA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774145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BE3469-0E7B-450D-8165-6777B524D38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B53AF5F-4CB4-4FC1-8D50-B7EDC4927CF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22613B6-A208-4D9E-B404-4E142003E2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71154B-54A4-40DC-897D-D08B97FD40B7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4152D3C-6B3E-477F-9807-D7B510AC04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CF33DFB-445E-4AC6-B4B5-216D4AD958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6EA1E7-6D0B-4613-9D2B-2DCE767BFF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72307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2E2E8F5-B5DF-4F71-B2CA-6E3E068447F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2AAFEF-764A-4F0F-8AD3-D41AA0637D6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5D5EA0-F22C-4C68-9848-7A69D024E1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71154B-54A4-40DC-897D-D08B97FD40B7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6C8F722-8DC1-4CF6-979B-01082C20A4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3C60F95-74C7-49BC-8BDC-F58D31DA13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6EA1E7-6D0B-4613-9D2B-2DCE767BFF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970098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2CFEF4-2989-4B5E-864B-F20D8D0D842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0B676D4-C851-4AC9-B180-490C29789B7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77BE84-9127-4928-9120-DD50561AF4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71154B-54A4-40DC-897D-D08B97FD40B7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2A10BB7-CA23-4A38-8611-3917BFF0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74D232-6DE4-4887-9F7F-AC33B61CC3A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6EA1E7-6D0B-4613-9D2B-2DCE767BFF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3273362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8B1B33-57DF-4090-8FC7-168EAA5F44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3DFC10D-3370-42F3-8643-9D512DF7249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4534E7D-C276-428F-836E-4A7B95E0C8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98FF178-29FA-4415-B36F-EB1D442147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71154B-54A4-40DC-897D-D08B97FD40B7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FA52D56-89DB-4534-9ECA-8CFB99EAC5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219A16D-5A2A-41B3-9CA3-A087111AFD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6EA1E7-6D0B-4613-9D2B-2DCE767BFF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038855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DE2C17-183D-480A-A4A3-4C07F82904E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854BD29-CADE-4BC4-B54B-AE265115B9E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ADBF487-AE64-4D1A-A7F7-1AF8BE8984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6FC09BD-6715-4956-8F83-050A05AD044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828F248-2914-4A2D-84BB-0C846EED672A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8D9151E-FB0D-45B0-960D-FD9AE2252F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71154B-54A4-40DC-897D-D08B97FD40B7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E22D9B6-2FBB-416D-9846-D0D3DAA7F6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7DBD6FA-2387-4609-A192-7514B31E4E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6EA1E7-6D0B-4613-9D2B-2DCE767BFF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179561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6703C4-58A0-42C2-AD61-A2843A72A9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42B662-0F27-4F33-ACDB-4341A6A54C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71154B-54A4-40DC-897D-D08B97FD40B7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C05C71E-893C-4656-8553-DC067827E6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132F861-7F82-4F9A-BB4D-BB4F206AF8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6EA1E7-6D0B-4613-9D2B-2DCE767BFF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324318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F150E32-A85F-4FBC-97A6-F023AFCA0E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71154B-54A4-40DC-897D-D08B97FD40B7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5A66C1D-8F88-468C-BC89-123575965E1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3D46CF2-C834-4C8B-9108-444B9966E9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6EA1E7-6D0B-4613-9D2B-2DCE767BFF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4578654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733020-D2AE-4DC4-B14E-28FBBE3724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8018C94-33A8-4159-9479-8E078482678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0C25FEE-DBC7-435F-87C1-05CC1B4C6DB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0E29FDE-53A7-43DB-B422-0FE855F69D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71154B-54A4-40DC-897D-D08B97FD40B7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747D511-FD4B-4A32-8E89-E21D343597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5D3271-3922-494A-AFC4-64DD1DD22B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6EA1E7-6D0B-4613-9D2B-2DCE767BFF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446010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92D520-0123-4970-8102-2C3ED0B338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589CD87-87E6-4F34-94A8-075CCD20AC9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00CE1AB-527A-4C2E-98F8-39360A17A1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469296-D8C3-4B5C-97F9-24F575D6E429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DED3EF6-A942-47AA-AB70-100BEDEEDBA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57FACDA-353E-4A52-A1A0-206D5632A8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712A12-B57D-44CB-80F1-425EB5B73EA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53511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897609-2AB3-492A-91A3-A88CC3BB836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C3F04F7-DB87-4864-BAA7-00D49F06322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8F5C808-8800-4F87-A166-43CC3540E26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94F21E3-B515-48D7-9442-478326F6E5D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71154B-54A4-40DC-897D-D08B97FD40B7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7CCE2D5-7491-45B9-9A20-472AECF756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201F71F-6A3B-48FD-9439-4CAEB9B1C4B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6EA1E7-6D0B-4613-9D2B-2DCE767BFF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702398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C4A90A-6A6A-41EB-BAD1-4894D0385F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C394EC6-E4CA-45D9-BA75-99D03D3A6D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2446AF5-57AC-48E6-A0FE-6F34F2F939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71154B-54A4-40DC-897D-D08B97FD40B7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52377B7-8124-4B8A-AAE4-4A0C1C474E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FC751AE-64A7-4AD6-B251-A7AB427619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6EA1E7-6D0B-4613-9D2B-2DCE767BFF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858377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F56E9445-7005-4032-BA69-284B1B3E655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5FEEC4B-6EC3-4DAC-8172-841F764DF8D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588B64-EA4D-4FE5-B721-33EB48829A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71154B-54A4-40DC-897D-D08B97FD40B7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C3535B-FB77-4BD8-AD4D-023B1F671A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640B16-2CDF-4DF6-ADE1-A7D89AA4CC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6EA1E7-6D0B-4613-9D2B-2DCE767BFF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245565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3C99D5-F25B-48CF-AD1E-48C701117D4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46BC981-97B4-4DA4-8192-B55F0658543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97EEA56-D4CA-476D-87C8-5A52E0109B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D4F7EE-58DF-4900-994F-1B74F04C4385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15F7752-AC84-4433-8FAD-2EDACB2109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18C1C54-292D-495A-81C6-DA0057E8DF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93909A-CA9D-4E36-B521-C210D15DCCD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8087199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5F8861-2EBF-423C-92A1-D70D91745F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223B05E-E887-4312-9FD1-779CCA3B1ED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0EB40A0-706E-49D7-9F6A-0DCAC5CD9D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D4F7EE-58DF-4900-994F-1B74F04C4385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62F7581-5A71-45B5-BDBE-1DCAC53E1C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EB77740-0B43-4D7E-AFB7-754C8DFDE3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93909A-CA9D-4E36-B521-C210D15DCCD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010290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F0D9FB-4309-4FDC-AF72-F03301441D9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570374B-8B4F-4D25-8DE1-5D9D860B7CD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B215C64-92ED-45C1-8B0D-34BB90B422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D4F7EE-58DF-4900-994F-1B74F04C4385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B89346B-6A61-4A31-B751-6564BC98E3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2B03019-F0BE-4EC9-B91A-A565096605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93909A-CA9D-4E36-B521-C210D15DCCD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543306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4C1FB6-C7C2-4951-B1CD-4B931C01E04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DEEF09-3F7A-4A0E-9875-9D0F2DFCA49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D05CC08-627F-4247-8D6E-00B11FFD8F9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8011A3F-C2AC-4FE2-99BD-2B4B69AA04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D4F7EE-58DF-4900-994F-1B74F04C4385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01187F5-AA41-4235-A9C4-1A23618FB4E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AF3B7E2-FE55-4680-AEF6-F4596E5A7A6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93909A-CA9D-4E36-B521-C210D15DCCD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9867049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E47ED1-7B43-4612-97E8-85855A61EA2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64FE75E-3783-4D56-82FE-A87B9020191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70651C6-7B3A-470D-A263-FD585334EC1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B4E4F57-336C-41E1-91AF-6C97B306731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3B7A7D3-8FE5-4E22-972A-5B19DE13A0D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34F1240-7636-4491-A511-1383021382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D4F7EE-58DF-4900-994F-1B74F04C4385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8C00196-5ED2-43B1-93CB-BAF2691356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1A7D999-CE8B-43D8-8499-48B902137E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93909A-CA9D-4E36-B521-C210D15DCCD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3995252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5FD61B-918F-40CA-AC98-8728725CC2E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B00D06F-51E9-4385-8EF6-C6B7AD995B0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D4F7EE-58DF-4900-994F-1B74F04C4385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248D956-B08F-4AAD-AC71-40CFF906D3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7528125-9CB8-45A1-8A33-44C38547DB2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93909A-CA9D-4E36-B521-C210D15DCCD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413558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725D612-696D-4BC0-8E47-50D9A2BF13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D4F7EE-58DF-4900-994F-1B74F04C4385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F12A9D2-7C68-4B06-9839-F1B9C71604C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FB1A81E-1DC6-4BB5-B47E-54BC3858E4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93909A-CA9D-4E36-B521-C210D15DCCD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3406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D32F42-F763-49F0-9BE3-D948C8B5D25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AE0E431-BEDC-4E3B-9F78-87BF06AE701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D15E5D-2CB4-4916-9F3F-9F280CEE55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469296-D8C3-4B5C-97F9-24F575D6E429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F4F34CD-76C3-4CB9-AE5D-95C2507074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835F205-A2CC-4EF9-8634-DFABC6D7CC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712A12-B57D-44CB-80F1-425EB5B73EA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560534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310A4F-84BB-4DAC-866F-6F47177963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2429415-B213-4721-993D-EABAF97A096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785B34D-7E24-4D78-A1FE-3605CE29F20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104FE3C-E566-492C-B434-1771E8BF9B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D4F7EE-58DF-4900-994F-1B74F04C4385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EEB89A8-3240-4CB6-A144-9D78CE9D81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E18DC4B-6010-4038-9B53-D1286D2DB7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93909A-CA9D-4E36-B521-C210D15DCCD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1239580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0BDCE3-63BA-4BAA-890C-49FE1671DB4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B31FAA9-B2BF-49D2-9A61-22FCF9D2CB7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C5053C1-2CEB-4AB2-A4C4-2FAFA90E808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D84C5D9-7572-4EB1-A2B5-175FBBE59BF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D4F7EE-58DF-4900-994F-1B74F04C4385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DFF91D9-4E86-4B0D-9DD3-AFF387680B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67A65A0-19B1-4767-9B90-AFEE76C23A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93909A-CA9D-4E36-B521-C210D15DCCD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485619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30C7E5-B980-454B-A0E4-6A80180FF84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C2DAF0C-0FBD-4A5B-A0CC-0DDDCE8B090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563CEC-01FD-4305-ABEC-77FBF20A31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D4F7EE-58DF-4900-994F-1B74F04C4385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8931CE5-79C7-4591-873B-FD08E8F35E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E683538-2A32-41DF-94EF-8A1597288F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93909A-CA9D-4E36-B521-C210D15DCCD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2972625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3B15AE6-12BD-4224-B79D-4A44288803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12FAC23-3B24-4CE6-8945-B2AB7C053DA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1EB3186-BE46-4D58-8695-F8AE665DEE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D4F7EE-58DF-4900-994F-1B74F04C4385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665C81-8B4A-43C3-9A77-333C17E718B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82E8BB7-869E-49C8-93BE-4057C156723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93909A-CA9D-4E36-B521-C210D15DCCD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0722782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219E2B-7024-40EA-98EC-04DE6C4165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0E2336B-B63E-45E5-B6CC-98EE56923F4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2C2CF17-0859-40A9-9695-9AB22EF83E4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9335EB9-B690-4E19-927E-DD53FEFAC1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469296-D8C3-4B5C-97F9-24F575D6E429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60E776F-EECD-4349-943A-AC0D369162B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94D20DE-5955-4C1B-8E65-6CB05D070D4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712A12-B57D-44CB-80F1-425EB5B73EA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156427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855E71-9D9F-4FCE-B28A-EF2526BD1E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9102310-EB8B-42A5-8B84-E8FEBAC24C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ED8F5A2-7576-4071-8E8C-6EA080F1291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9FF8D5C-EBFF-48B2-BDEB-06A14349CEB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49211C7-2D51-466E-977C-1600E3E4175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38BD7B6-533F-4BE7-8627-71321D1BFB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469296-D8C3-4B5C-97F9-24F575D6E429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572B4E8-8E1F-49EC-A2D2-89E6A83321A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1AA7C4E-B62A-41F6-8A44-EE326D4EE64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712A12-B57D-44CB-80F1-425EB5B73EA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2001411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A2C09C-487E-472C-BEC1-375BFDE795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89C5FBB-951F-4C55-8945-297723567A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469296-D8C3-4B5C-97F9-24F575D6E429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9CB6F7C-5B3B-4D75-9577-F542252638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BA6B2A7-905A-44CF-8BDB-B31DEE2714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712A12-B57D-44CB-80F1-425EB5B73EA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435288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F88C092-7ACD-482F-B184-068B50D48D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469296-D8C3-4B5C-97F9-24F575D6E429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22D2B47-D358-4675-B9EF-C7CD97AF1E9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1DB809C-98ED-4BF2-B25C-E88CC819B4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712A12-B57D-44CB-80F1-425EB5B73EA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4337289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D98A81-17EF-43E2-8A4C-F8D404B2036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3EA59F0-EC03-4A2A-8C25-A7C8C51C0C3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D85F23E-4CF4-49F8-AA22-231B121A752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C166344-BB25-48C2-B031-B96B08438CB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469296-D8C3-4B5C-97F9-24F575D6E429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9502FE6-B2C8-4E5B-987F-10699A0FCF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892B196-5E65-4976-9D9F-3F4C2830EF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712A12-B57D-44CB-80F1-425EB5B73EA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698717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427D3F-72CD-4811-8CC8-6F5C64E123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1F88FF56-D979-452C-97BC-9E9E67D7B82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B4079A6-4309-409B-AF11-772824BADF9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124BECA-F5C3-4167-B7DC-B04E15748A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469296-D8C3-4B5C-97F9-24F575D6E429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97820E7-1EFE-43C6-9E93-8A849A3562B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4CF69A3-6ADE-4FEE-A50D-F5C92ACB38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712A12-B57D-44CB-80F1-425EB5B73EA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448702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909A3D2-47F1-4028-86F3-E981B92E28B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5A5AA24-5389-48BB-B4D0-E6234EBF661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3D90C44-19DD-4238-A01C-680EB09ACE9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5469296-D8C3-4B5C-97F9-24F575D6E429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B9025FA-C9DE-40EA-9459-1DB7B59BB0A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C062407-2FCB-493B-B4BA-2F65BB55C91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2712A12-B57D-44CB-80F1-425EB5B73EA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99761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31202B5-4B55-4F3F-8C9B-352A3307561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DC542D7-3ED7-4A47-BEF5-1DD02D2F8BF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035D10E-1BFC-47B7-8669-FE2AFA0E80B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C71154B-54A4-40DC-897D-D08B97FD40B7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E1FCD45-37A4-4362-B95D-431F8AAED62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03077A8-782D-4FAF-AE85-7B89ABDBF87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06EA1E7-6D0B-4613-9D2B-2DCE767BFF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623653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F4D1B89-A955-44F1-946B-5824265984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F6FE21F-5927-4C76-80D5-FEC8ABCAFBA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E001E88-209C-4BCB-A4E8-DDA0CD50D5F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BD4F7EE-58DF-4900-994F-1B74F04C4385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85A7048-24CD-431E-80A6-1427CE34C1F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87B91E5-A22A-445F-9F2C-B41BAB1C50A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093909A-CA9D-4E36-B521-C210D15DCCD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72782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slideLayout" Target="../slideLayouts/slideLayout2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image" Target="../media/image2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109.xml"/><Relationship Id="rId117" Type="http://schemas.openxmlformats.org/officeDocument/2006/relationships/tags" Target="../tags/tag200.xml"/><Relationship Id="rId21" Type="http://schemas.openxmlformats.org/officeDocument/2006/relationships/tags" Target="../tags/tag104.xml"/><Relationship Id="rId42" Type="http://schemas.openxmlformats.org/officeDocument/2006/relationships/tags" Target="../tags/tag125.xml"/><Relationship Id="rId47" Type="http://schemas.openxmlformats.org/officeDocument/2006/relationships/tags" Target="../tags/tag130.xml"/><Relationship Id="rId63" Type="http://schemas.openxmlformats.org/officeDocument/2006/relationships/tags" Target="../tags/tag146.xml"/><Relationship Id="rId68" Type="http://schemas.openxmlformats.org/officeDocument/2006/relationships/tags" Target="../tags/tag151.xml"/><Relationship Id="rId84" Type="http://schemas.openxmlformats.org/officeDocument/2006/relationships/tags" Target="../tags/tag167.xml"/><Relationship Id="rId89" Type="http://schemas.openxmlformats.org/officeDocument/2006/relationships/tags" Target="../tags/tag172.xml"/><Relationship Id="rId112" Type="http://schemas.openxmlformats.org/officeDocument/2006/relationships/tags" Target="../tags/tag195.xml"/><Relationship Id="rId133" Type="http://schemas.openxmlformats.org/officeDocument/2006/relationships/tags" Target="../tags/tag216.xml"/><Relationship Id="rId16" Type="http://schemas.openxmlformats.org/officeDocument/2006/relationships/tags" Target="../tags/tag99.xml"/><Relationship Id="rId107" Type="http://schemas.openxmlformats.org/officeDocument/2006/relationships/tags" Target="../tags/tag190.xml"/><Relationship Id="rId11" Type="http://schemas.openxmlformats.org/officeDocument/2006/relationships/tags" Target="../tags/tag94.xml"/><Relationship Id="rId32" Type="http://schemas.openxmlformats.org/officeDocument/2006/relationships/tags" Target="../tags/tag115.xml"/><Relationship Id="rId37" Type="http://schemas.openxmlformats.org/officeDocument/2006/relationships/tags" Target="../tags/tag120.xml"/><Relationship Id="rId53" Type="http://schemas.openxmlformats.org/officeDocument/2006/relationships/tags" Target="../tags/tag136.xml"/><Relationship Id="rId58" Type="http://schemas.openxmlformats.org/officeDocument/2006/relationships/tags" Target="../tags/tag141.xml"/><Relationship Id="rId74" Type="http://schemas.openxmlformats.org/officeDocument/2006/relationships/tags" Target="../tags/tag157.xml"/><Relationship Id="rId79" Type="http://schemas.openxmlformats.org/officeDocument/2006/relationships/tags" Target="../tags/tag162.xml"/><Relationship Id="rId102" Type="http://schemas.openxmlformats.org/officeDocument/2006/relationships/tags" Target="../tags/tag185.xml"/><Relationship Id="rId123" Type="http://schemas.openxmlformats.org/officeDocument/2006/relationships/tags" Target="../tags/tag206.xml"/><Relationship Id="rId128" Type="http://schemas.openxmlformats.org/officeDocument/2006/relationships/tags" Target="../tags/tag211.xml"/><Relationship Id="rId5" Type="http://schemas.openxmlformats.org/officeDocument/2006/relationships/tags" Target="../tags/tag88.xml"/><Relationship Id="rId90" Type="http://schemas.openxmlformats.org/officeDocument/2006/relationships/tags" Target="../tags/tag173.xml"/><Relationship Id="rId95" Type="http://schemas.openxmlformats.org/officeDocument/2006/relationships/tags" Target="../tags/tag178.xml"/><Relationship Id="rId14" Type="http://schemas.openxmlformats.org/officeDocument/2006/relationships/tags" Target="../tags/tag97.xml"/><Relationship Id="rId22" Type="http://schemas.openxmlformats.org/officeDocument/2006/relationships/tags" Target="../tags/tag105.xml"/><Relationship Id="rId27" Type="http://schemas.openxmlformats.org/officeDocument/2006/relationships/tags" Target="../tags/tag110.xml"/><Relationship Id="rId30" Type="http://schemas.openxmlformats.org/officeDocument/2006/relationships/tags" Target="../tags/tag113.xml"/><Relationship Id="rId35" Type="http://schemas.openxmlformats.org/officeDocument/2006/relationships/tags" Target="../tags/tag118.xml"/><Relationship Id="rId43" Type="http://schemas.openxmlformats.org/officeDocument/2006/relationships/tags" Target="../tags/tag126.xml"/><Relationship Id="rId48" Type="http://schemas.openxmlformats.org/officeDocument/2006/relationships/tags" Target="../tags/tag131.xml"/><Relationship Id="rId56" Type="http://schemas.openxmlformats.org/officeDocument/2006/relationships/tags" Target="../tags/tag139.xml"/><Relationship Id="rId64" Type="http://schemas.openxmlformats.org/officeDocument/2006/relationships/tags" Target="../tags/tag147.xml"/><Relationship Id="rId69" Type="http://schemas.openxmlformats.org/officeDocument/2006/relationships/tags" Target="../tags/tag152.xml"/><Relationship Id="rId77" Type="http://schemas.openxmlformats.org/officeDocument/2006/relationships/tags" Target="../tags/tag160.xml"/><Relationship Id="rId100" Type="http://schemas.openxmlformats.org/officeDocument/2006/relationships/tags" Target="../tags/tag183.xml"/><Relationship Id="rId105" Type="http://schemas.openxmlformats.org/officeDocument/2006/relationships/tags" Target="../tags/tag188.xml"/><Relationship Id="rId113" Type="http://schemas.openxmlformats.org/officeDocument/2006/relationships/tags" Target="../tags/tag196.xml"/><Relationship Id="rId118" Type="http://schemas.openxmlformats.org/officeDocument/2006/relationships/tags" Target="../tags/tag201.xml"/><Relationship Id="rId126" Type="http://schemas.openxmlformats.org/officeDocument/2006/relationships/tags" Target="../tags/tag209.xml"/><Relationship Id="rId134" Type="http://schemas.openxmlformats.org/officeDocument/2006/relationships/slideLayout" Target="../slideLayouts/slideLayout7.xml"/><Relationship Id="rId8" Type="http://schemas.openxmlformats.org/officeDocument/2006/relationships/tags" Target="../tags/tag91.xml"/><Relationship Id="rId51" Type="http://schemas.openxmlformats.org/officeDocument/2006/relationships/tags" Target="../tags/tag134.xml"/><Relationship Id="rId72" Type="http://schemas.openxmlformats.org/officeDocument/2006/relationships/tags" Target="../tags/tag155.xml"/><Relationship Id="rId80" Type="http://schemas.openxmlformats.org/officeDocument/2006/relationships/tags" Target="../tags/tag163.xml"/><Relationship Id="rId85" Type="http://schemas.openxmlformats.org/officeDocument/2006/relationships/tags" Target="../tags/tag168.xml"/><Relationship Id="rId93" Type="http://schemas.openxmlformats.org/officeDocument/2006/relationships/tags" Target="../tags/tag176.xml"/><Relationship Id="rId98" Type="http://schemas.openxmlformats.org/officeDocument/2006/relationships/tags" Target="../tags/tag181.xml"/><Relationship Id="rId121" Type="http://schemas.openxmlformats.org/officeDocument/2006/relationships/tags" Target="../tags/tag204.xml"/><Relationship Id="rId3" Type="http://schemas.openxmlformats.org/officeDocument/2006/relationships/tags" Target="../tags/tag86.xml"/><Relationship Id="rId12" Type="http://schemas.openxmlformats.org/officeDocument/2006/relationships/tags" Target="../tags/tag95.xml"/><Relationship Id="rId17" Type="http://schemas.openxmlformats.org/officeDocument/2006/relationships/tags" Target="../tags/tag100.xml"/><Relationship Id="rId25" Type="http://schemas.openxmlformats.org/officeDocument/2006/relationships/tags" Target="../tags/tag108.xml"/><Relationship Id="rId33" Type="http://schemas.openxmlformats.org/officeDocument/2006/relationships/tags" Target="../tags/tag116.xml"/><Relationship Id="rId38" Type="http://schemas.openxmlformats.org/officeDocument/2006/relationships/tags" Target="../tags/tag121.xml"/><Relationship Id="rId46" Type="http://schemas.openxmlformats.org/officeDocument/2006/relationships/tags" Target="../tags/tag129.xml"/><Relationship Id="rId59" Type="http://schemas.openxmlformats.org/officeDocument/2006/relationships/tags" Target="../tags/tag142.xml"/><Relationship Id="rId67" Type="http://schemas.openxmlformats.org/officeDocument/2006/relationships/tags" Target="../tags/tag150.xml"/><Relationship Id="rId103" Type="http://schemas.openxmlformats.org/officeDocument/2006/relationships/tags" Target="../tags/tag186.xml"/><Relationship Id="rId108" Type="http://schemas.openxmlformats.org/officeDocument/2006/relationships/tags" Target="../tags/tag191.xml"/><Relationship Id="rId116" Type="http://schemas.openxmlformats.org/officeDocument/2006/relationships/tags" Target="../tags/tag199.xml"/><Relationship Id="rId124" Type="http://schemas.openxmlformats.org/officeDocument/2006/relationships/tags" Target="../tags/tag207.xml"/><Relationship Id="rId129" Type="http://schemas.openxmlformats.org/officeDocument/2006/relationships/tags" Target="../tags/tag212.xml"/><Relationship Id="rId20" Type="http://schemas.openxmlformats.org/officeDocument/2006/relationships/tags" Target="../tags/tag103.xml"/><Relationship Id="rId41" Type="http://schemas.openxmlformats.org/officeDocument/2006/relationships/tags" Target="../tags/tag124.xml"/><Relationship Id="rId54" Type="http://schemas.openxmlformats.org/officeDocument/2006/relationships/tags" Target="../tags/tag137.xml"/><Relationship Id="rId62" Type="http://schemas.openxmlformats.org/officeDocument/2006/relationships/tags" Target="../tags/tag145.xml"/><Relationship Id="rId70" Type="http://schemas.openxmlformats.org/officeDocument/2006/relationships/tags" Target="../tags/tag153.xml"/><Relationship Id="rId75" Type="http://schemas.openxmlformats.org/officeDocument/2006/relationships/tags" Target="../tags/tag158.xml"/><Relationship Id="rId83" Type="http://schemas.openxmlformats.org/officeDocument/2006/relationships/tags" Target="../tags/tag166.xml"/><Relationship Id="rId88" Type="http://schemas.openxmlformats.org/officeDocument/2006/relationships/tags" Target="../tags/tag171.xml"/><Relationship Id="rId91" Type="http://schemas.openxmlformats.org/officeDocument/2006/relationships/tags" Target="../tags/tag174.xml"/><Relationship Id="rId96" Type="http://schemas.openxmlformats.org/officeDocument/2006/relationships/tags" Target="../tags/tag179.xml"/><Relationship Id="rId111" Type="http://schemas.openxmlformats.org/officeDocument/2006/relationships/tags" Target="../tags/tag194.xml"/><Relationship Id="rId132" Type="http://schemas.openxmlformats.org/officeDocument/2006/relationships/tags" Target="../tags/tag215.xml"/><Relationship Id="rId1" Type="http://schemas.openxmlformats.org/officeDocument/2006/relationships/tags" Target="../tags/tag84.xml"/><Relationship Id="rId6" Type="http://schemas.openxmlformats.org/officeDocument/2006/relationships/tags" Target="../tags/tag89.xml"/><Relationship Id="rId15" Type="http://schemas.openxmlformats.org/officeDocument/2006/relationships/tags" Target="../tags/tag98.xml"/><Relationship Id="rId23" Type="http://schemas.openxmlformats.org/officeDocument/2006/relationships/tags" Target="../tags/tag106.xml"/><Relationship Id="rId28" Type="http://schemas.openxmlformats.org/officeDocument/2006/relationships/tags" Target="../tags/tag111.xml"/><Relationship Id="rId36" Type="http://schemas.openxmlformats.org/officeDocument/2006/relationships/tags" Target="../tags/tag119.xml"/><Relationship Id="rId49" Type="http://schemas.openxmlformats.org/officeDocument/2006/relationships/tags" Target="../tags/tag132.xml"/><Relationship Id="rId57" Type="http://schemas.openxmlformats.org/officeDocument/2006/relationships/tags" Target="../tags/tag140.xml"/><Relationship Id="rId106" Type="http://schemas.openxmlformats.org/officeDocument/2006/relationships/tags" Target="../tags/tag189.xml"/><Relationship Id="rId114" Type="http://schemas.openxmlformats.org/officeDocument/2006/relationships/tags" Target="../tags/tag197.xml"/><Relationship Id="rId119" Type="http://schemas.openxmlformats.org/officeDocument/2006/relationships/tags" Target="../tags/tag202.xml"/><Relationship Id="rId127" Type="http://schemas.openxmlformats.org/officeDocument/2006/relationships/tags" Target="../tags/tag210.xml"/><Relationship Id="rId10" Type="http://schemas.openxmlformats.org/officeDocument/2006/relationships/tags" Target="../tags/tag93.xml"/><Relationship Id="rId31" Type="http://schemas.openxmlformats.org/officeDocument/2006/relationships/tags" Target="../tags/tag114.xml"/><Relationship Id="rId44" Type="http://schemas.openxmlformats.org/officeDocument/2006/relationships/tags" Target="../tags/tag127.xml"/><Relationship Id="rId52" Type="http://schemas.openxmlformats.org/officeDocument/2006/relationships/tags" Target="../tags/tag135.xml"/><Relationship Id="rId60" Type="http://schemas.openxmlformats.org/officeDocument/2006/relationships/tags" Target="../tags/tag143.xml"/><Relationship Id="rId65" Type="http://schemas.openxmlformats.org/officeDocument/2006/relationships/tags" Target="../tags/tag148.xml"/><Relationship Id="rId73" Type="http://schemas.openxmlformats.org/officeDocument/2006/relationships/tags" Target="../tags/tag156.xml"/><Relationship Id="rId78" Type="http://schemas.openxmlformats.org/officeDocument/2006/relationships/tags" Target="../tags/tag161.xml"/><Relationship Id="rId81" Type="http://schemas.openxmlformats.org/officeDocument/2006/relationships/tags" Target="../tags/tag164.xml"/><Relationship Id="rId86" Type="http://schemas.openxmlformats.org/officeDocument/2006/relationships/tags" Target="../tags/tag169.xml"/><Relationship Id="rId94" Type="http://schemas.openxmlformats.org/officeDocument/2006/relationships/tags" Target="../tags/tag177.xml"/><Relationship Id="rId99" Type="http://schemas.openxmlformats.org/officeDocument/2006/relationships/tags" Target="../tags/tag182.xml"/><Relationship Id="rId101" Type="http://schemas.openxmlformats.org/officeDocument/2006/relationships/tags" Target="../tags/tag184.xml"/><Relationship Id="rId122" Type="http://schemas.openxmlformats.org/officeDocument/2006/relationships/tags" Target="../tags/tag205.xml"/><Relationship Id="rId130" Type="http://schemas.openxmlformats.org/officeDocument/2006/relationships/tags" Target="../tags/tag213.xml"/><Relationship Id="rId135" Type="http://schemas.openxmlformats.org/officeDocument/2006/relationships/image" Target="../media/image2.png"/><Relationship Id="rId4" Type="http://schemas.openxmlformats.org/officeDocument/2006/relationships/tags" Target="../tags/tag87.xml"/><Relationship Id="rId9" Type="http://schemas.openxmlformats.org/officeDocument/2006/relationships/tags" Target="../tags/tag92.xml"/><Relationship Id="rId13" Type="http://schemas.openxmlformats.org/officeDocument/2006/relationships/tags" Target="../tags/tag96.xml"/><Relationship Id="rId18" Type="http://schemas.openxmlformats.org/officeDocument/2006/relationships/tags" Target="../tags/tag101.xml"/><Relationship Id="rId39" Type="http://schemas.openxmlformats.org/officeDocument/2006/relationships/tags" Target="../tags/tag122.xml"/><Relationship Id="rId109" Type="http://schemas.openxmlformats.org/officeDocument/2006/relationships/tags" Target="../tags/tag192.xml"/><Relationship Id="rId34" Type="http://schemas.openxmlformats.org/officeDocument/2006/relationships/tags" Target="../tags/tag117.xml"/><Relationship Id="rId50" Type="http://schemas.openxmlformats.org/officeDocument/2006/relationships/tags" Target="../tags/tag133.xml"/><Relationship Id="rId55" Type="http://schemas.openxmlformats.org/officeDocument/2006/relationships/tags" Target="../tags/tag138.xml"/><Relationship Id="rId76" Type="http://schemas.openxmlformats.org/officeDocument/2006/relationships/tags" Target="../tags/tag159.xml"/><Relationship Id="rId97" Type="http://schemas.openxmlformats.org/officeDocument/2006/relationships/tags" Target="../tags/tag180.xml"/><Relationship Id="rId104" Type="http://schemas.openxmlformats.org/officeDocument/2006/relationships/tags" Target="../tags/tag187.xml"/><Relationship Id="rId120" Type="http://schemas.openxmlformats.org/officeDocument/2006/relationships/tags" Target="../tags/tag203.xml"/><Relationship Id="rId125" Type="http://schemas.openxmlformats.org/officeDocument/2006/relationships/tags" Target="../tags/tag208.xml"/><Relationship Id="rId7" Type="http://schemas.openxmlformats.org/officeDocument/2006/relationships/tags" Target="../tags/tag90.xml"/><Relationship Id="rId71" Type="http://schemas.openxmlformats.org/officeDocument/2006/relationships/tags" Target="../tags/tag154.xml"/><Relationship Id="rId92" Type="http://schemas.openxmlformats.org/officeDocument/2006/relationships/tags" Target="../tags/tag175.xml"/><Relationship Id="rId2" Type="http://schemas.openxmlformats.org/officeDocument/2006/relationships/tags" Target="../tags/tag85.xml"/><Relationship Id="rId29" Type="http://schemas.openxmlformats.org/officeDocument/2006/relationships/tags" Target="../tags/tag112.xml"/><Relationship Id="rId24" Type="http://schemas.openxmlformats.org/officeDocument/2006/relationships/tags" Target="../tags/tag107.xml"/><Relationship Id="rId40" Type="http://schemas.openxmlformats.org/officeDocument/2006/relationships/tags" Target="../tags/tag123.xml"/><Relationship Id="rId45" Type="http://schemas.openxmlformats.org/officeDocument/2006/relationships/tags" Target="../tags/tag128.xml"/><Relationship Id="rId66" Type="http://schemas.openxmlformats.org/officeDocument/2006/relationships/tags" Target="../tags/tag149.xml"/><Relationship Id="rId87" Type="http://schemas.openxmlformats.org/officeDocument/2006/relationships/tags" Target="../tags/tag170.xml"/><Relationship Id="rId110" Type="http://schemas.openxmlformats.org/officeDocument/2006/relationships/tags" Target="../tags/tag193.xml"/><Relationship Id="rId115" Type="http://schemas.openxmlformats.org/officeDocument/2006/relationships/tags" Target="../tags/tag198.xml"/><Relationship Id="rId131" Type="http://schemas.openxmlformats.org/officeDocument/2006/relationships/tags" Target="../tags/tag214.xml"/><Relationship Id="rId61" Type="http://schemas.openxmlformats.org/officeDocument/2006/relationships/tags" Target="../tags/tag144.xml"/><Relationship Id="rId82" Type="http://schemas.openxmlformats.org/officeDocument/2006/relationships/tags" Target="../tags/tag165.xml"/><Relationship Id="rId19" Type="http://schemas.openxmlformats.org/officeDocument/2006/relationships/tags" Target="../tags/tag102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42.xml"/><Relationship Id="rId117" Type="http://schemas.openxmlformats.org/officeDocument/2006/relationships/tags" Target="../tags/tag333.xml"/><Relationship Id="rId21" Type="http://schemas.openxmlformats.org/officeDocument/2006/relationships/tags" Target="../tags/tag237.xml"/><Relationship Id="rId42" Type="http://schemas.openxmlformats.org/officeDocument/2006/relationships/tags" Target="../tags/tag258.xml"/><Relationship Id="rId47" Type="http://schemas.openxmlformats.org/officeDocument/2006/relationships/tags" Target="../tags/tag263.xml"/><Relationship Id="rId63" Type="http://schemas.openxmlformats.org/officeDocument/2006/relationships/tags" Target="../tags/tag279.xml"/><Relationship Id="rId68" Type="http://schemas.openxmlformats.org/officeDocument/2006/relationships/tags" Target="../tags/tag284.xml"/><Relationship Id="rId84" Type="http://schemas.openxmlformats.org/officeDocument/2006/relationships/tags" Target="../tags/tag300.xml"/><Relationship Id="rId89" Type="http://schemas.openxmlformats.org/officeDocument/2006/relationships/tags" Target="../tags/tag305.xml"/><Relationship Id="rId112" Type="http://schemas.openxmlformats.org/officeDocument/2006/relationships/tags" Target="../tags/tag328.xml"/><Relationship Id="rId133" Type="http://schemas.openxmlformats.org/officeDocument/2006/relationships/tags" Target="../tags/tag349.xml"/><Relationship Id="rId138" Type="http://schemas.openxmlformats.org/officeDocument/2006/relationships/tags" Target="../tags/tag354.xml"/><Relationship Id="rId16" Type="http://schemas.openxmlformats.org/officeDocument/2006/relationships/tags" Target="../tags/tag232.xml"/><Relationship Id="rId107" Type="http://schemas.openxmlformats.org/officeDocument/2006/relationships/tags" Target="../tags/tag323.xml"/><Relationship Id="rId11" Type="http://schemas.openxmlformats.org/officeDocument/2006/relationships/tags" Target="../tags/tag227.xml"/><Relationship Id="rId32" Type="http://schemas.openxmlformats.org/officeDocument/2006/relationships/tags" Target="../tags/tag248.xml"/><Relationship Id="rId37" Type="http://schemas.openxmlformats.org/officeDocument/2006/relationships/tags" Target="../tags/tag253.xml"/><Relationship Id="rId53" Type="http://schemas.openxmlformats.org/officeDocument/2006/relationships/tags" Target="../tags/tag269.xml"/><Relationship Id="rId58" Type="http://schemas.openxmlformats.org/officeDocument/2006/relationships/tags" Target="../tags/tag274.xml"/><Relationship Id="rId74" Type="http://schemas.openxmlformats.org/officeDocument/2006/relationships/tags" Target="../tags/tag290.xml"/><Relationship Id="rId79" Type="http://schemas.openxmlformats.org/officeDocument/2006/relationships/tags" Target="../tags/tag295.xml"/><Relationship Id="rId102" Type="http://schemas.openxmlformats.org/officeDocument/2006/relationships/tags" Target="../tags/tag318.xml"/><Relationship Id="rId123" Type="http://schemas.openxmlformats.org/officeDocument/2006/relationships/tags" Target="../tags/tag339.xml"/><Relationship Id="rId128" Type="http://schemas.openxmlformats.org/officeDocument/2006/relationships/tags" Target="../tags/tag344.xml"/><Relationship Id="rId144" Type="http://schemas.openxmlformats.org/officeDocument/2006/relationships/tags" Target="../tags/tag360.xml"/><Relationship Id="rId149" Type="http://schemas.openxmlformats.org/officeDocument/2006/relationships/tags" Target="../tags/tag365.xml"/><Relationship Id="rId5" Type="http://schemas.openxmlformats.org/officeDocument/2006/relationships/tags" Target="../tags/tag221.xml"/><Relationship Id="rId90" Type="http://schemas.openxmlformats.org/officeDocument/2006/relationships/tags" Target="../tags/tag306.xml"/><Relationship Id="rId95" Type="http://schemas.openxmlformats.org/officeDocument/2006/relationships/tags" Target="../tags/tag311.xml"/><Relationship Id="rId22" Type="http://schemas.openxmlformats.org/officeDocument/2006/relationships/tags" Target="../tags/tag238.xml"/><Relationship Id="rId27" Type="http://schemas.openxmlformats.org/officeDocument/2006/relationships/tags" Target="../tags/tag243.xml"/><Relationship Id="rId43" Type="http://schemas.openxmlformats.org/officeDocument/2006/relationships/tags" Target="../tags/tag259.xml"/><Relationship Id="rId48" Type="http://schemas.openxmlformats.org/officeDocument/2006/relationships/tags" Target="../tags/tag264.xml"/><Relationship Id="rId64" Type="http://schemas.openxmlformats.org/officeDocument/2006/relationships/tags" Target="../tags/tag280.xml"/><Relationship Id="rId69" Type="http://schemas.openxmlformats.org/officeDocument/2006/relationships/tags" Target="../tags/tag285.xml"/><Relationship Id="rId113" Type="http://schemas.openxmlformats.org/officeDocument/2006/relationships/tags" Target="../tags/tag329.xml"/><Relationship Id="rId118" Type="http://schemas.openxmlformats.org/officeDocument/2006/relationships/tags" Target="../tags/tag334.xml"/><Relationship Id="rId134" Type="http://schemas.openxmlformats.org/officeDocument/2006/relationships/tags" Target="../tags/tag350.xml"/><Relationship Id="rId139" Type="http://schemas.openxmlformats.org/officeDocument/2006/relationships/tags" Target="../tags/tag355.xml"/><Relationship Id="rId80" Type="http://schemas.openxmlformats.org/officeDocument/2006/relationships/tags" Target="../tags/tag296.xml"/><Relationship Id="rId85" Type="http://schemas.openxmlformats.org/officeDocument/2006/relationships/tags" Target="../tags/tag301.xml"/><Relationship Id="rId150" Type="http://schemas.openxmlformats.org/officeDocument/2006/relationships/slideLayout" Target="../slideLayouts/slideLayout18.xml"/><Relationship Id="rId12" Type="http://schemas.openxmlformats.org/officeDocument/2006/relationships/tags" Target="../tags/tag228.xml"/><Relationship Id="rId17" Type="http://schemas.openxmlformats.org/officeDocument/2006/relationships/tags" Target="../tags/tag233.xml"/><Relationship Id="rId25" Type="http://schemas.openxmlformats.org/officeDocument/2006/relationships/tags" Target="../tags/tag241.xml"/><Relationship Id="rId33" Type="http://schemas.openxmlformats.org/officeDocument/2006/relationships/tags" Target="../tags/tag249.xml"/><Relationship Id="rId38" Type="http://schemas.openxmlformats.org/officeDocument/2006/relationships/tags" Target="../tags/tag254.xml"/><Relationship Id="rId46" Type="http://schemas.openxmlformats.org/officeDocument/2006/relationships/tags" Target="../tags/tag262.xml"/><Relationship Id="rId59" Type="http://schemas.openxmlformats.org/officeDocument/2006/relationships/tags" Target="../tags/tag275.xml"/><Relationship Id="rId67" Type="http://schemas.openxmlformats.org/officeDocument/2006/relationships/tags" Target="../tags/tag283.xml"/><Relationship Id="rId103" Type="http://schemas.openxmlformats.org/officeDocument/2006/relationships/tags" Target="../tags/tag319.xml"/><Relationship Id="rId108" Type="http://schemas.openxmlformats.org/officeDocument/2006/relationships/tags" Target="../tags/tag324.xml"/><Relationship Id="rId116" Type="http://schemas.openxmlformats.org/officeDocument/2006/relationships/tags" Target="../tags/tag332.xml"/><Relationship Id="rId124" Type="http://schemas.openxmlformats.org/officeDocument/2006/relationships/tags" Target="../tags/tag340.xml"/><Relationship Id="rId129" Type="http://schemas.openxmlformats.org/officeDocument/2006/relationships/tags" Target="../tags/tag345.xml"/><Relationship Id="rId137" Type="http://schemas.openxmlformats.org/officeDocument/2006/relationships/tags" Target="../tags/tag353.xml"/><Relationship Id="rId20" Type="http://schemas.openxmlformats.org/officeDocument/2006/relationships/tags" Target="../tags/tag236.xml"/><Relationship Id="rId41" Type="http://schemas.openxmlformats.org/officeDocument/2006/relationships/tags" Target="../tags/tag257.xml"/><Relationship Id="rId54" Type="http://schemas.openxmlformats.org/officeDocument/2006/relationships/tags" Target="../tags/tag270.xml"/><Relationship Id="rId62" Type="http://schemas.openxmlformats.org/officeDocument/2006/relationships/tags" Target="../tags/tag278.xml"/><Relationship Id="rId70" Type="http://schemas.openxmlformats.org/officeDocument/2006/relationships/tags" Target="../tags/tag286.xml"/><Relationship Id="rId75" Type="http://schemas.openxmlformats.org/officeDocument/2006/relationships/tags" Target="../tags/tag291.xml"/><Relationship Id="rId83" Type="http://schemas.openxmlformats.org/officeDocument/2006/relationships/tags" Target="../tags/tag299.xml"/><Relationship Id="rId88" Type="http://schemas.openxmlformats.org/officeDocument/2006/relationships/tags" Target="../tags/tag304.xml"/><Relationship Id="rId91" Type="http://schemas.openxmlformats.org/officeDocument/2006/relationships/tags" Target="../tags/tag307.xml"/><Relationship Id="rId96" Type="http://schemas.openxmlformats.org/officeDocument/2006/relationships/tags" Target="../tags/tag312.xml"/><Relationship Id="rId111" Type="http://schemas.openxmlformats.org/officeDocument/2006/relationships/tags" Target="../tags/tag327.xml"/><Relationship Id="rId132" Type="http://schemas.openxmlformats.org/officeDocument/2006/relationships/tags" Target="../tags/tag348.xml"/><Relationship Id="rId140" Type="http://schemas.openxmlformats.org/officeDocument/2006/relationships/tags" Target="../tags/tag356.xml"/><Relationship Id="rId145" Type="http://schemas.openxmlformats.org/officeDocument/2006/relationships/tags" Target="../tags/tag361.xml"/><Relationship Id="rId1" Type="http://schemas.openxmlformats.org/officeDocument/2006/relationships/tags" Target="../tags/tag217.xml"/><Relationship Id="rId6" Type="http://schemas.openxmlformats.org/officeDocument/2006/relationships/tags" Target="../tags/tag222.xml"/><Relationship Id="rId15" Type="http://schemas.openxmlformats.org/officeDocument/2006/relationships/tags" Target="../tags/tag231.xml"/><Relationship Id="rId23" Type="http://schemas.openxmlformats.org/officeDocument/2006/relationships/tags" Target="../tags/tag239.xml"/><Relationship Id="rId28" Type="http://schemas.openxmlformats.org/officeDocument/2006/relationships/tags" Target="../tags/tag244.xml"/><Relationship Id="rId36" Type="http://schemas.openxmlformats.org/officeDocument/2006/relationships/tags" Target="../tags/tag252.xml"/><Relationship Id="rId49" Type="http://schemas.openxmlformats.org/officeDocument/2006/relationships/tags" Target="../tags/tag265.xml"/><Relationship Id="rId57" Type="http://schemas.openxmlformats.org/officeDocument/2006/relationships/tags" Target="../tags/tag273.xml"/><Relationship Id="rId106" Type="http://schemas.openxmlformats.org/officeDocument/2006/relationships/tags" Target="../tags/tag322.xml"/><Relationship Id="rId114" Type="http://schemas.openxmlformats.org/officeDocument/2006/relationships/tags" Target="../tags/tag330.xml"/><Relationship Id="rId119" Type="http://schemas.openxmlformats.org/officeDocument/2006/relationships/tags" Target="../tags/tag335.xml"/><Relationship Id="rId127" Type="http://schemas.openxmlformats.org/officeDocument/2006/relationships/tags" Target="../tags/tag343.xml"/><Relationship Id="rId10" Type="http://schemas.openxmlformats.org/officeDocument/2006/relationships/tags" Target="../tags/tag226.xml"/><Relationship Id="rId31" Type="http://schemas.openxmlformats.org/officeDocument/2006/relationships/tags" Target="../tags/tag247.xml"/><Relationship Id="rId44" Type="http://schemas.openxmlformats.org/officeDocument/2006/relationships/tags" Target="../tags/tag260.xml"/><Relationship Id="rId52" Type="http://schemas.openxmlformats.org/officeDocument/2006/relationships/tags" Target="../tags/tag268.xml"/><Relationship Id="rId60" Type="http://schemas.openxmlformats.org/officeDocument/2006/relationships/tags" Target="../tags/tag276.xml"/><Relationship Id="rId65" Type="http://schemas.openxmlformats.org/officeDocument/2006/relationships/tags" Target="../tags/tag281.xml"/><Relationship Id="rId73" Type="http://schemas.openxmlformats.org/officeDocument/2006/relationships/tags" Target="../tags/tag289.xml"/><Relationship Id="rId78" Type="http://schemas.openxmlformats.org/officeDocument/2006/relationships/tags" Target="../tags/tag294.xml"/><Relationship Id="rId81" Type="http://schemas.openxmlformats.org/officeDocument/2006/relationships/tags" Target="../tags/tag297.xml"/><Relationship Id="rId86" Type="http://schemas.openxmlformats.org/officeDocument/2006/relationships/tags" Target="../tags/tag302.xml"/><Relationship Id="rId94" Type="http://schemas.openxmlformats.org/officeDocument/2006/relationships/tags" Target="../tags/tag310.xml"/><Relationship Id="rId99" Type="http://schemas.openxmlformats.org/officeDocument/2006/relationships/tags" Target="../tags/tag315.xml"/><Relationship Id="rId101" Type="http://schemas.openxmlformats.org/officeDocument/2006/relationships/tags" Target="../tags/tag317.xml"/><Relationship Id="rId122" Type="http://schemas.openxmlformats.org/officeDocument/2006/relationships/tags" Target="../tags/tag338.xml"/><Relationship Id="rId130" Type="http://schemas.openxmlformats.org/officeDocument/2006/relationships/tags" Target="../tags/tag346.xml"/><Relationship Id="rId135" Type="http://schemas.openxmlformats.org/officeDocument/2006/relationships/tags" Target="../tags/tag351.xml"/><Relationship Id="rId143" Type="http://schemas.openxmlformats.org/officeDocument/2006/relationships/tags" Target="../tags/tag359.xml"/><Relationship Id="rId148" Type="http://schemas.openxmlformats.org/officeDocument/2006/relationships/tags" Target="../tags/tag364.xml"/><Relationship Id="rId151" Type="http://schemas.openxmlformats.org/officeDocument/2006/relationships/image" Target="../media/image2.png"/><Relationship Id="rId4" Type="http://schemas.openxmlformats.org/officeDocument/2006/relationships/tags" Target="../tags/tag220.xml"/><Relationship Id="rId9" Type="http://schemas.openxmlformats.org/officeDocument/2006/relationships/tags" Target="../tags/tag225.xml"/><Relationship Id="rId13" Type="http://schemas.openxmlformats.org/officeDocument/2006/relationships/tags" Target="../tags/tag229.xml"/><Relationship Id="rId18" Type="http://schemas.openxmlformats.org/officeDocument/2006/relationships/tags" Target="../tags/tag234.xml"/><Relationship Id="rId39" Type="http://schemas.openxmlformats.org/officeDocument/2006/relationships/tags" Target="../tags/tag255.xml"/><Relationship Id="rId109" Type="http://schemas.openxmlformats.org/officeDocument/2006/relationships/tags" Target="../tags/tag325.xml"/><Relationship Id="rId34" Type="http://schemas.openxmlformats.org/officeDocument/2006/relationships/tags" Target="../tags/tag250.xml"/><Relationship Id="rId50" Type="http://schemas.openxmlformats.org/officeDocument/2006/relationships/tags" Target="../tags/tag266.xml"/><Relationship Id="rId55" Type="http://schemas.openxmlformats.org/officeDocument/2006/relationships/tags" Target="../tags/tag271.xml"/><Relationship Id="rId76" Type="http://schemas.openxmlformats.org/officeDocument/2006/relationships/tags" Target="../tags/tag292.xml"/><Relationship Id="rId97" Type="http://schemas.openxmlformats.org/officeDocument/2006/relationships/tags" Target="../tags/tag313.xml"/><Relationship Id="rId104" Type="http://schemas.openxmlformats.org/officeDocument/2006/relationships/tags" Target="../tags/tag320.xml"/><Relationship Id="rId120" Type="http://schemas.openxmlformats.org/officeDocument/2006/relationships/tags" Target="../tags/tag336.xml"/><Relationship Id="rId125" Type="http://schemas.openxmlformats.org/officeDocument/2006/relationships/tags" Target="../tags/tag341.xml"/><Relationship Id="rId141" Type="http://schemas.openxmlformats.org/officeDocument/2006/relationships/tags" Target="../tags/tag357.xml"/><Relationship Id="rId146" Type="http://schemas.openxmlformats.org/officeDocument/2006/relationships/tags" Target="../tags/tag362.xml"/><Relationship Id="rId7" Type="http://schemas.openxmlformats.org/officeDocument/2006/relationships/tags" Target="../tags/tag223.xml"/><Relationship Id="rId71" Type="http://schemas.openxmlformats.org/officeDocument/2006/relationships/tags" Target="../tags/tag287.xml"/><Relationship Id="rId92" Type="http://schemas.openxmlformats.org/officeDocument/2006/relationships/tags" Target="../tags/tag308.xml"/><Relationship Id="rId2" Type="http://schemas.openxmlformats.org/officeDocument/2006/relationships/tags" Target="../tags/tag218.xml"/><Relationship Id="rId29" Type="http://schemas.openxmlformats.org/officeDocument/2006/relationships/tags" Target="../tags/tag245.xml"/><Relationship Id="rId24" Type="http://schemas.openxmlformats.org/officeDocument/2006/relationships/tags" Target="../tags/tag240.xml"/><Relationship Id="rId40" Type="http://schemas.openxmlformats.org/officeDocument/2006/relationships/tags" Target="../tags/tag256.xml"/><Relationship Id="rId45" Type="http://schemas.openxmlformats.org/officeDocument/2006/relationships/tags" Target="../tags/tag261.xml"/><Relationship Id="rId66" Type="http://schemas.openxmlformats.org/officeDocument/2006/relationships/tags" Target="../tags/tag282.xml"/><Relationship Id="rId87" Type="http://schemas.openxmlformats.org/officeDocument/2006/relationships/tags" Target="../tags/tag303.xml"/><Relationship Id="rId110" Type="http://schemas.openxmlformats.org/officeDocument/2006/relationships/tags" Target="../tags/tag326.xml"/><Relationship Id="rId115" Type="http://schemas.openxmlformats.org/officeDocument/2006/relationships/tags" Target="../tags/tag331.xml"/><Relationship Id="rId131" Type="http://schemas.openxmlformats.org/officeDocument/2006/relationships/tags" Target="../tags/tag347.xml"/><Relationship Id="rId136" Type="http://schemas.openxmlformats.org/officeDocument/2006/relationships/tags" Target="../tags/tag352.xml"/><Relationship Id="rId61" Type="http://schemas.openxmlformats.org/officeDocument/2006/relationships/tags" Target="../tags/tag277.xml"/><Relationship Id="rId82" Type="http://schemas.openxmlformats.org/officeDocument/2006/relationships/tags" Target="../tags/tag298.xml"/><Relationship Id="rId19" Type="http://schemas.openxmlformats.org/officeDocument/2006/relationships/tags" Target="../tags/tag235.xml"/><Relationship Id="rId14" Type="http://schemas.openxmlformats.org/officeDocument/2006/relationships/tags" Target="../tags/tag230.xml"/><Relationship Id="rId30" Type="http://schemas.openxmlformats.org/officeDocument/2006/relationships/tags" Target="../tags/tag246.xml"/><Relationship Id="rId35" Type="http://schemas.openxmlformats.org/officeDocument/2006/relationships/tags" Target="../tags/tag251.xml"/><Relationship Id="rId56" Type="http://schemas.openxmlformats.org/officeDocument/2006/relationships/tags" Target="../tags/tag272.xml"/><Relationship Id="rId77" Type="http://schemas.openxmlformats.org/officeDocument/2006/relationships/tags" Target="../tags/tag293.xml"/><Relationship Id="rId100" Type="http://schemas.openxmlformats.org/officeDocument/2006/relationships/tags" Target="../tags/tag316.xml"/><Relationship Id="rId105" Type="http://schemas.openxmlformats.org/officeDocument/2006/relationships/tags" Target="../tags/tag321.xml"/><Relationship Id="rId126" Type="http://schemas.openxmlformats.org/officeDocument/2006/relationships/tags" Target="../tags/tag342.xml"/><Relationship Id="rId147" Type="http://schemas.openxmlformats.org/officeDocument/2006/relationships/tags" Target="../tags/tag363.xml"/><Relationship Id="rId8" Type="http://schemas.openxmlformats.org/officeDocument/2006/relationships/tags" Target="../tags/tag224.xml"/><Relationship Id="rId51" Type="http://schemas.openxmlformats.org/officeDocument/2006/relationships/tags" Target="../tags/tag267.xml"/><Relationship Id="rId72" Type="http://schemas.openxmlformats.org/officeDocument/2006/relationships/tags" Target="../tags/tag288.xml"/><Relationship Id="rId93" Type="http://schemas.openxmlformats.org/officeDocument/2006/relationships/tags" Target="../tags/tag309.xml"/><Relationship Id="rId98" Type="http://schemas.openxmlformats.org/officeDocument/2006/relationships/tags" Target="../tags/tag314.xml"/><Relationship Id="rId121" Type="http://schemas.openxmlformats.org/officeDocument/2006/relationships/tags" Target="../tags/tag337.xml"/><Relationship Id="rId142" Type="http://schemas.openxmlformats.org/officeDocument/2006/relationships/tags" Target="../tags/tag358.xml"/><Relationship Id="rId3" Type="http://schemas.openxmlformats.org/officeDocument/2006/relationships/tags" Target="../tags/tag2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9550097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OTLSHAPE_SL_9663c1105f3c440cb50c4ca0da4b2a32_BackgroundRectangle">
            <a:extLst>
              <a:ext uri="{FF2B5EF4-FFF2-40B4-BE49-F238E27FC236}">
                <a16:creationId xmlns:a16="http://schemas.microsoft.com/office/drawing/2014/main" id="{A175A588-9C96-4042-B0A0-A883A0BFE97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171700"/>
            <a:ext cx="11290300" cy="1041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" name="OTLSHAPE_SL_245152c5d1b341c9882f5c17fdc73e0b_BackgroundRectangle">
            <a:extLst>
              <a:ext uri="{FF2B5EF4-FFF2-40B4-BE49-F238E27FC236}">
                <a16:creationId xmlns:a16="http://schemas.microsoft.com/office/drawing/2014/main" id="{50F854E6-F886-46C3-B44D-A0FB7DAEA42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276600"/>
            <a:ext cx="11290300" cy="1041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" name="OTLSHAPE_SL_543a21a51d6a4bd8a83da671c912c348_BackgroundRectangle">
            <a:extLst>
              <a:ext uri="{FF2B5EF4-FFF2-40B4-BE49-F238E27FC236}">
                <a16:creationId xmlns:a16="http://schemas.microsoft.com/office/drawing/2014/main" id="{D811E538-4823-4C75-BAF5-42B3184AB5B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381500"/>
            <a:ext cx="11290300" cy="6985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_98cbdd2df85e430192c58ac65a6dd057_BackgroundRectangle">
            <a:extLst>
              <a:ext uri="{FF2B5EF4-FFF2-40B4-BE49-F238E27FC236}">
                <a16:creationId xmlns:a16="http://schemas.microsoft.com/office/drawing/2014/main" id="{D73B3F6B-245D-49E9-8CB5-5C61321987EB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143500"/>
            <a:ext cx="11290300" cy="3556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D14FB2A-4B80-4BBD-9C9F-2B18616659B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55700" y="1714500"/>
            <a:ext cx="10198100" cy="254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OTLSHAPE_SL_9663c1105f3c440cb50c4ca0da4b2a32_HeaderRectangle">
            <a:extLst>
              <a:ext uri="{FF2B5EF4-FFF2-40B4-BE49-F238E27FC236}">
                <a16:creationId xmlns:a16="http://schemas.microsoft.com/office/drawing/2014/main" id="{81432844-5667-433D-B8FE-6CD6F790C2C5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2171700"/>
            <a:ext cx="965200" cy="1041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" name="OTLSHAPE_SL_245152c5d1b341c9882f5c17fdc73e0b_HeaderRectangle">
            <a:extLst>
              <a:ext uri="{FF2B5EF4-FFF2-40B4-BE49-F238E27FC236}">
                <a16:creationId xmlns:a16="http://schemas.microsoft.com/office/drawing/2014/main" id="{3971A64C-1125-43DA-92C1-3B4A5910B347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3276600"/>
            <a:ext cx="965200" cy="1041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OTLSHAPE_SL_543a21a51d6a4bd8a83da671c912c348_HeaderRectangle">
            <a:extLst>
              <a:ext uri="{FF2B5EF4-FFF2-40B4-BE49-F238E27FC236}">
                <a16:creationId xmlns:a16="http://schemas.microsoft.com/office/drawing/2014/main" id="{FCAC6CFD-0FA6-461C-A6AF-A847058EF931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4381500"/>
            <a:ext cx="965200" cy="6985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" name="OTLSHAPE_SL_98cbdd2df85e430192c58ac65a6dd057_HeaderRectangle">
            <a:extLst>
              <a:ext uri="{FF2B5EF4-FFF2-40B4-BE49-F238E27FC236}">
                <a16:creationId xmlns:a16="http://schemas.microsoft.com/office/drawing/2014/main" id="{F7BAA629-AB34-49A1-BE1A-51F0E3A255D0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5143500"/>
            <a:ext cx="965200" cy="3556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31" name="OTLSHAPE_G_00000000000000000000000000000000_ShapeBelow0">
            <a:extLst>
              <a:ext uri="{FF2B5EF4-FFF2-40B4-BE49-F238E27FC236}">
                <a16:creationId xmlns:a16="http://schemas.microsoft.com/office/drawing/2014/main" id="{956FB81B-D50F-4D63-8736-4E19DEB5DF18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081769" y="1968500"/>
            <a:ext cx="0" cy="35306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1">
            <a:extLst>
              <a:ext uri="{FF2B5EF4-FFF2-40B4-BE49-F238E27FC236}">
                <a16:creationId xmlns:a16="http://schemas.microsoft.com/office/drawing/2014/main" id="{6C57D423-26A3-48CC-AFCC-4BCD3D5BC8C7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007838" y="1968500"/>
            <a:ext cx="0" cy="35306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G_00000000000000000000000000000000_ShapeBelow2">
            <a:extLst>
              <a:ext uri="{FF2B5EF4-FFF2-40B4-BE49-F238E27FC236}">
                <a16:creationId xmlns:a16="http://schemas.microsoft.com/office/drawing/2014/main" id="{A5C080F3-EBEE-4A64-83BE-38DF07CFF6FE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933907" y="1968500"/>
            <a:ext cx="0" cy="35306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G_00000000000000000000000000000000_ShapeBelow3">
            <a:extLst>
              <a:ext uri="{FF2B5EF4-FFF2-40B4-BE49-F238E27FC236}">
                <a16:creationId xmlns:a16="http://schemas.microsoft.com/office/drawing/2014/main" id="{C93B8710-0191-4E7E-A9CD-C741F202DF6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862514" y="1968500"/>
            <a:ext cx="0" cy="35306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G_00000000000000000000000000000000_ShapeBelow4">
            <a:extLst>
              <a:ext uri="{FF2B5EF4-FFF2-40B4-BE49-F238E27FC236}">
                <a16:creationId xmlns:a16="http://schemas.microsoft.com/office/drawing/2014/main" id="{3A6D8632-C3F5-4BE1-BDAE-AEC5D4800A5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5788583" y="1968500"/>
            <a:ext cx="0" cy="35306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G_00000000000000000000000000000000_ShapeBelow5">
            <a:extLst>
              <a:ext uri="{FF2B5EF4-FFF2-40B4-BE49-F238E27FC236}">
                <a16:creationId xmlns:a16="http://schemas.microsoft.com/office/drawing/2014/main" id="{7AA8A66A-439F-4646-B85B-1CA7D62D79A7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714652" y="1968500"/>
            <a:ext cx="0" cy="35306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G_00000000000000000000000000000000_ShapeBelow6">
            <a:extLst>
              <a:ext uri="{FF2B5EF4-FFF2-40B4-BE49-F238E27FC236}">
                <a16:creationId xmlns:a16="http://schemas.microsoft.com/office/drawing/2014/main" id="{74EF8A18-B9F2-4B11-9EF0-A95F950D289E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640721" y="1968500"/>
            <a:ext cx="0" cy="35306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G_00000000000000000000000000000000_ShapeBelow7">
            <a:extLst>
              <a:ext uri="{FF2B5EF4-FFF2-40B4-BE49-F238E27FC236}">
                <a16:creationId xmlns:a16="http://schemas.microsoft.com/office/drawing/2014/main" id="{616BB497-E1CF-4339-B16B-8B71CEDB4EFE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569327" y="1968500"/>
            <a:ext cx="0" cy="35306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G_00000000000000000000000000000000_ShapeBelow8">
            <a:extLst>
              <a:ext uri="{FF2B5EF4-FFF2-40B4-BE49-F238E27FC236}">
                <a16:creationId xmlns:a16="http://schemas.microsoft.com/office/drawing/2014/main" id="{2026771E-0316-45B6-AA33-C956C8444BD5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9495396" y="1968500"/>
            <a:ext cx="0" cy="35306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9">
            <a:extLst>
              <a:ext uri="{FF2B5EF4-FFF2-40B4-BE49-F238E27FC236}">
                <a16:creationId xmlns:a16="http://schemas.microsoft.com/office/drawing/2014/main" id="{EE493B24-1CE0-4CF9-89DA-9E394D3FA284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0421465" y="1968500"/>
            <a:ext cx="0" cy="35306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5" name="OTLSHAPE_SLT_f183bca8953442049f71f4ba7b0978ed_Shape">
            <a:extLst>
              <a:ext uri="{FF2B5EF4-FFF2-40B4-BE49-F238E27FC236}">
                <a16:creationId xmlns:a16="http://schemas.microsoft.com/office/drawing/2014/main" id="{B5D172BE-8819-4272-AE23-25A800F85FB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155700" y="2209800"/>
            <a:ext cx="2781300" cy="2794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7" name="OTLSHAPE_SLT_9bb92d502a2148f5b0611d96b2cc68a0_Shape">
            <a:extLst>
              <a:ext uri="{FF2B5EF4-FFF2-40B4-BE49-F238E27FC236}">
                <a16:creationId xmlns:a16="http://schemas.microsoft.com/office/drawing/2014/main" id="{3A2D5D2E-BBFF-4317-88B3-007B2A9AAD01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933908" y="2552700"/>
            <a:ext cx="3708400" cy="2794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9" name="OTLSHAPE_SLT_78be9f5fb5a64dd5ad261d5130dcf98f_Shape">
            <a:extLst>
              <a:ext uri="{FF2B5EF4-FFF2-40B4-BE49-F238E27FC236}">
                <a16:creationId xmlns:a16="http://schemas.microsoft.com/office/drawing/2014/main" id="{17C3FA8D-3B07-4B13-B70F-1FED6ADBAF6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640721" y="2895600"/>
            <a:ext cx="2374900" cy="2794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1" name="OTLSHAPE_SLT_7010f4bf624641538742ce7ee2d4ae5e_Shape">
            <a:extLst>
              <a:ext uri="{FF2B5EF4-FFF2-40B4-BE49-F238E27FC236}">
                <a16:creationId xmlns:a16="http://schemas.microsoft.com/office/drawing/2014/main" id="{7F123F9B-4B61-4D38-8AB6-30BB32109CED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305393" y="3314700"/>
            <a:ext cx="1854200" cy="2794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3" name="OTLSHAPE_SLT_d0fafd0e66f14c30af7b6d01cf1cae65_Shape">
            <a:extLst>
              <a:ext uri="{FF2B5EF4-FFF2-40B4-BE49-F238E27FC236}">
                <a16:creationId xmlns:a16="http://schemas.microsoft.com/office/drawing/2014/main" id="{E153EA0A-2FB5-46F9-9665-7CC992E14E0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157532" y="3657600"/>
            <a:ext cx="1866900" cy="2794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5" name="OTLSHAPE_SLT_10600831e37044329654d88016ebac54_Shape">
            <a:extLst>
              <a:ext uri="{FF2B5EF4-FFF2-40B4-BE49-F238E27FC236}">
                <a16:creationId xmlns:a16="http://schemas.microsoft.com/office/drawing/2014/main" id="{37063D66-67BE-4403-948F-D0AA533B9F7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012207" y="4000500"/>
            <a:ext cx="2794000" cy="2794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7" name="OTLSHAPE_SLT_7976d7998a7541aab6149a396d131b16_Shape">
            <a:extLst>
              <a:ext uri="{FF2B5EF4-FFF2-40B4-BE49-F238E27FC236}">
                <a16:creationId xmlns:a16="http://schemas.microsoft.com/office/drawing/2014/main" id="{9B359D9D-7637-425A-83BA-E86501A048B1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464883" y="4419600"/>
            <a:ext cx="3327400" cy="2794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9" name="OTLSHAPE_SLT_156033906fca4b8a9a66251447be9165_Shape">
            <a:extLst>
              <a:ext uri="{FF2B5EF4-FFF2-40B4-BE49-F238E27FC236}">
                <a16:creationId xmlns:a16="http://schemas.microsoft.com/office/drawing/2014/main" id="{DFFB9A62-C2F2-4458-AF61-72ECADB6D003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788583" y="4762500"/>
            <a:ext cx="3175000" cy="2794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1" name="OTLSHAPE_SLT_84cab676753f420d81034afa3df72e08_Shape">
            <a:extLst>
              <a:ext uri="{FF2B5EF4-FFF2-40B4-BE49-F238E27FC236}">
                <a16:creationId xmlns:a16="http://schemas.microsoft.com/office/drawing/2014/main" id="{FAE5EEAC-C756-47E0-B7D0-698320DD010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026372" y="5181600"/>
            <a:ext cx="2895600" cy="2794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AE376EC7-22F9-49BC-AC2C-50241C59F7A3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155700" y="1714500"/>
            <a:ext cx="84074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2" name="OTLSHAPE_SLM_061ed06015174d4aaf33211146a97db6_Shape">
            <a:extLst>
              <a:ext uri="{FF2B5EF4-FFF2-40B4-BE49-F238E27FC236}">
                <a16:creationId xmlns:a16="http://schemas.microsoft.com/office/drawing/2014/main" id="{40BAA8E4-AF0C-4675-83CB-26822EB2A7D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809459" y="2565400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9" name="OTLSHAPE_SLM_0788c0a5933d4a4db12e0c1f996dccf4_Shape">
            <a:extLst>
              <a:ext uri="{FF2B5EF4-FFF2-40B4-BE49-F238E27FC236}">
                <a16:creationId xmlns:a16="http://schemas.microsoft.com/office/drawing/2014/main" id="{423705BD-52B1-4DF4-A768-1C1B1EB9F3F5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188556" y="3327400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8" name="OTLSHAPE_SLM_4831c0aea37b4aeca6e72c8386263d42_Shape">
            <a:extLst>
              <a:ext uri="{FF2B5EF4-FFF2-40B4-BE49-F238E27FC236}">
                <a16:creationId xmlns:a16="http://schemas.microsoft.com/office/drawing/2014/main" id="{F9BABE97-B75A-4530-91A4-E6A012D251D6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038157" y="3670300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OTLSHAPE_SL_9663c1105f3c440cb50c4ca0da4b2a32_Header">
            <a:extLst>
              <a:ext uri="{FF2B5EF4-FFF2-40B4-BE49-F238E27FC236}">
                <a16:creationId xmlns:a16="http://schemas.microsoft.com/office/drawing/2014/main" id="{7D39A700-6710-4B96-8A55-F6C12994907F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2599373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ora</a:t>
            </a:r>
          </a:p>
        </p:txBody>
      </p:sp>
      <p:sp>
        <p:nvSpPr>
          <p:cNvPr id="24" name="OTLSHAPE_SL_245152c5d1b341c9882f5c17fdc73e0b_Header">
            <a:extLst>
              <a:ext uri="{FF2B5EF4-FFF2-40B4-BE49-F238E27FC236}">
                <a16:creationId xmlns:a16="http://schemas.microsoft.com/office/drawing/2014/main" id="{B6F80755-F7CD-424B-8928-1EB7D2E21685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3500" y="3704272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loral</a:t>
            </a:r>
          </a:p>
        </p:txBody>
      </p:sp>
      <p:sp>
        <p:nvSpPr>
          <p:cNvPr id="27" name="OTLSHAPE_SL_543a21a51d6a4bd8a83da671c912c348_Header">
            <a:extLst>
              <a:ext uri="{FF2B5EF4-FFF2-40B4-BE49-F238E27FC236}">
                <a16:creationId xmlns:a16="http://schemas.microsoft.com/office/drawing/2014/main" id="{71A6068A-01CE-4FB8-872B-4A93641BAFE4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3500" y="4637722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rcade</a:t>
            </a:r>
          </a:p>
        </p:txBody>
      </p:sp>
      <p:sp>
        <p:nvSpPr>
          <p:cNvPr id="30" name="OTLSHAPE_SL_98cbdd2df85e430192c58ac65a6dd057_Header">
            <a:extLst>
              <a:ext uri="{FF2B5EF4-FFF2-40B4-BE49-F238E27FC236}">
                <a16:creationId xmlns:a16="http://schemas.microsoft.com/office/drawing/2014/main" id="{A8ADC3DA-074B-429A-8C2C-DF8AAC69A84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3500" y="5228272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amine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3EDE8981-6A04-409F-9492-E39C3E03608D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 flipV="1">
            <a:off x="9526746" y="1629833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7CEDAEA2-8336-4F40-A424-DDF3769C63BA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382903" y="144377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8C91B1E-75F4-4C34-A81F-617342096674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19200" y="1748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3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747904E6-B2BC-4CD0-B8E7-F10B4D3C848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145269" y="1748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4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C4E3E87B-D924-4DAB-A6A7-C269CC253EC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071338" y="1748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5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F9B18E32-BF68-4F34-AE5C-BF86103912FA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997408" y="1748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6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DB70B25D-61B0-488F-A649-02A3CBE8147F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926014" y="1748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7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5EC76B8D-111A-4653-BFB7-0C7C7CB8783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852083" y="1748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111C9AFB-238A-48E6-8FAD-A5C9D17C284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778152" y="1748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9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A6D1E9A8-EE62-4E01-9DEE-7948CF297A3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7704221" y="1748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0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23C3646A-3A26-4A81-862F-B88698E8B40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8632827" y="1748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7CD1F64A-7AAD-4026-A7D4-41F7E26E3C8F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558896" y="1748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5D4B007F-31F0-4DAF-A0D7-3A3A7370E2A3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0484965" y="1748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51" name="OTLSHAPE_SLT_f183bca8953442049f71f4ba7b0978ed_Title">
            <a:extLst>
              <a:ext uri="{FF2B5EF4-FFF2-40B4-BE49-F238E27FC236}">
                <a16:creationId xmlns:a16="http://schemas.microsoft.com/office/drawing/2014/main" id="{C464D7DD-0465-4D21-BCAE-C781AF26CC6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183954" y="2264241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ora 2013</a:t>
            </a:r>
          </a:p>
        </p:txBody>
      </p:sp>
      <p:sp>
        <p:nvSpPr>
          <p:cNvPr id="59" name="OTLSHAPE_SLT_9bb92d502a2148f5b0611d96b2cc68a0_Title">
            <a:extLst>
              <a:ext uri="{FF2B5EF4-FFF2-40B4-BE49-F238E27FC236}">
                <a16:creationId xmlns:a16="http://schemas.microsoft.com/office/drawing/2014/main" id="{6395F3B5-8CBD-4632-A79F-EE83E9D0CE12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426464" y="2607141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ora 2016</a:t>
            </a:r>
          </a:p>
        </p:txBody>
      </p:sp>
      <p:sp>
        <p:nvSpPr>
          <p:cNvPr id="67" name="OTLSHAPE_SLT_78be9f5fb5a64dd5ad261d5130dcf98f_Title">
            <a:extLst>
              <a:ext uri="{FF2B5EF4-FFF2-40B4-BE49-F238E27FC236}">
                <a16:creationId xmlns:a16="http://schemas.microsoft.com/office/drawing/2014/main" id="{E94927E0-A17F-4CAB-B26B-26005BEB23E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8461332" y="2950041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ora 2020</a:t>
            </a:r>
          </a:p>
        </p:txBody>
      </p:sp>
      <p:sp>
        <p:nvSpPr>
          <p:cNvPr id="78" name="OTLSHAPE_SLT_7010f4bf624641538742ce7ee2d4ae5e_Title">
            <a:extLst>
              <a:ext uri="{FF2B5EF4-FFF2-40B4-BE49-F238E27FC236}">
                <a16:creationId xmlns:a16="http://schemas.microsoft.com/office/drawing/2014/main" id="{9FF8A830-CF0E-4D3D-BF94-63E26D0A990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912332" y="3369140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loral 2013</a:t>
            </a:r>
          </a:p>
        </p:txBody>
      </p:sp>
      <p:sp>
        <p:nvSpPr>
          <p:cNvPr id="86" name="OTLSHAPE_SLT_d0fafd0e66f14c30af7b6d01cf1cae65_Title">
            <a:extLst>
              <a:ext uri="{FF2B5EF4-FFF2-40B4-BE49-F238E27FC236}">
                <a16:creationId xmlns:a16="http://schemas.microsoft.com/office/drawing/2014/main" id="{2543053D-C19F-47A5-A349-4725A02E978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3765739" y="3712040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loral 2015</a:t>
            </a:r>
          </a:p>
        </p:txBody>
      </p:sp>
      <p:sp>
        <p:nvSpPr>
          <p:cNvPr id="94" name="OTLSHAPE_SLT_10600831e37044329654d88016ebac54_Title">
            <a:extLst>
              <a:ext uri="{FF2B5EF4-FFF2-40B4-BE49-F238E27FC236}">
                <a16:creationId xmlns:a16="http://schemas.microsoft.com/office/drawing/2014/main" id="{398989D1-CEB6-4E7F-A964-277CD9786BF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084717" y="4054940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loral 2017</a:t>
            </a:r>
          </a:p>
        </p:txBody>
      </p:sp>
      <p:sp>
        <p:nvSpPr>
          <p:cNvPr id="105" name="OTLSHAPE_SLT_7976d7998a7541aab6149a396d131b16_Title">
            <a:extLst>
              <a:ext uri="{FF2B5EF4-FFF2-40B4-BE49-F238E27FC236}">
                <a16:creationId xmlns:a16="http://schemas.microsoft.com/office/drawing/2014/main" id="{68C441D6-B423-45F5-B286-8FAB05DBEEC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751383" y="4474040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rcade 2014 </a:t>
            </a:r>
          </a:p>
        </p:txBody>
      </p:sp>
      <p:sp>
        <p:nvSpPr>
          <p:cNvPr id="113" name="OTLSHAPE_SLT_156033906fca4b8a9a66251447be9165_Title">
            <a:extLst>
              <a:ext uri="{FF2B5EF4-FFF2-40B4-BE49-F238E27FC236}">
                <a16:creationId xmlns:a16="http://schemas.microsoft.com/office/drawing/2014/main" id="{2DF9A507-B41D-4223-B3F1-223FCD79666D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012222" y="4816940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rcade 2018</a:t>
            </a:r>
          </a:p>
        </p:txBody>
      </p:sp>
      <p:sp>
        <p:nvSpPr>
          <p:cNvPr id="124" name="OTLSHAPE_SLT_84cab676753f420d81034afa3df72e08_Title">
            <a:extLst>
              <a:ext uri="{FF2B5EF4-FFF2-40B4-BE49-F238E27FC236}">
                <a16:creationId xmlns:a16="http://schemas.microsoft.com/office/drawing/2014/main" id="{5FCD4710-7A57-4864-AB32-FF173E23851B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090567" y="5236040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amine 2020</a:t>
            </a:r>
          </a:p>
        </p:txBody>
      </p:sp>
      <p:sp>
        <p:nvSpPr>
          <p:cNvPr id="155" name="OTLSHAPE_SLA_d8b15dd8051b4a608d8e0893ce441390_Shape">
            <a:extLst>
              <a:ext uri="{FF2B5EF4-FFF2-40B4-BE49-F238E27FC236}">
                <a16:creationId xmlns:a16="http://schemas.microsoft.com/office/drawing/2014/main" id="{7C3D03B7-C796-47F4-B000-7A4430D6ED38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041400" y="2222500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8" name="OTLSHAPE_SLA_ca7145ac8a394b368f2ea6e128217644_Shape">
            <a:extLst>
              <a:ext uri="{FF2B5EF4-FFF2-40B4-BE49-F238E27FC236}">
                <a16:creationId xmlns:a16="http://schemas.microsoft.com/office/drawing/2014/main" id="{EFCDE61D-EE1A-4DAF-B80B-E12CBAD9C5EA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885574" y="25654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1" name="OTLSHAPE_SLA_2fd7fdde2cdc4f65bb8218c8c6c66a09_Shape">
            <a:extLst>
              <a:ext uri="{FF2B5EF4-FFF2-40B4-BE49-F238E27FC236}">
                <a16:creationId xmlns:a16="http://schemas.microsoft.com/office/drawing/2014/main" id="{AF63BBE8-DE30-4AFA-9C18-D32A9A9CEEA9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4093622" y="2565400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7" name="OTLSHAPE_SLA_5d5ab37791d3466aa188fd4f2de72afa_Shape">
            <a:extLst>
              <a:ext uri="{FF2B5EF4-FFF2-40B4-BE49-F238E27FC236}">
                <a16:creationId xmlns:a16="http://schemas.microsoft.com/office/drawing/2014/main" id="{99ECBE65-BD59-4769-B7F4-ACCEA8AD0446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534032" y="2908300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0" name="OTLSHAPE_SLA_6497071dbe7b4fbfa9fe891b008c7376_Shape">
            <a:extLst>
              <a:ext uri="{FF2B5EF4-FFF2-40B4-BE49-F238E27FC236}">
                <a16:creationId xmlns:a16="http://schemas.microsoft.com/office/drawing/2014/main" id="{CD03A0BC-A76B-48D4-8B39-58DFB9C45103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7607611" y="29083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3" name="OTLSHAPE_SLA_c3a55554b12f4d649c062bf10e791dca_Shape">
            <a:extLst>
              <a:ext uri="{FF2B5EF4-FFF2-40B4-BE49-F238E27FC236}">
                <a16:creationId xmlns:a16="http://schemas.microsoft.com/office/drawing/2014/main" id="{8365F8B1-F958-45A9-BF4C-5A815AC21FA2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7752230" y="2908300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6" name="OTLSHAPE_SLA_014f72c787d641e9b22ecd078c5f4328_Shape">
            <a:extLst>
              <a:ext uri="{FF2B5EF4-FFF2-40B4-BE49-F238E27FC236}">
                <a16:creationId xmlns:a16="http://schemas.microsoft.com/office/drawing/2014/main" id="{F3B1CB3B-A1B9-4C60-A8F2-20CCC6FCCE6E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7848643" y="29083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5" name="OTLSHAPE_SLA_36a0dbd912d4429a852167a4112f2e2b_Shape">
            <a:extLst>
              <a:ext uri="{FF2B5EF4-FFF2-40B4-BE49-F238E27FC236}">
                <a16:creationId xmlns:a16="http://schemas.microsoft.com/office/drawing/2014/main" id="{89338E30-2A1C-4219-9CEC-09F53EAA8807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1335712" y="33274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8" name="OTLSHAPE_SLA_349899af31cf426295432f3adac7a068_Shape">
            <a:extLst>
              <a:ext uri="{FF2B5EF4-FFF2-40B4-BE49-F238E27FC236}">
                <a16:creationId xmlns:a16="http://schemas.microsoft.com/office/drawing/2014/main" id="{96E5BDCA-1FAF-486F-9C49-52F1B77475C3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1493017" y="3327400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4" name="OTLSHAPE_SLA_5d9ac902bb8f4d2893519663d1997a6c_Shape">
            <a:extLst>
              <a:ext uri="{FF2B5EF4-FFF2-40B4-BE49-F238E27FC236}">
                <a16:creationId xmlns:a16="http://schemas.microsoft.com/office/drawing/2014/main" id="{CD3B4ACB-33DA-4B5C-A096-2F05688546F7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3096512" y="36703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7" name="OTLSHAPE_SLA_973f296c9c8546e0b08a5f0f9b91c87e_Shape">
            <a:extLst>
              <a:ext uri="{FF2B5EF4-FFF2-40B4-BE49-F238E27FC236}">
                <a16:creationId xmlns:a16="http://schemas.microsoft.com/office/drawing/2014/main" id="{5556339A-9F26-4194-86F6-1122EF97664C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3314709" y="3670300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3" name="OTLSHAPE_SLA_ced90034f6154296816028f2cfc6e77e_Shape">
            <a:extLst>
              <a:ext uri="{FF2B5EF4-FFF2-40B4-BE49-F238E27FC236}">
                <a16:creationId xmlns:a16="http://schemas.microsoft.com/office/drawing/2014/main" id="{4AD3F097-3071-490D-8CE4-D0384FA9F891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4908056" y="4013200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6" name="OTLSHAPE_SLA_2319d47c8f504ee1822b3c69e9d8b6d8_Shape">
            <a:extLst>
              <a:ext uri="{FF2B5EF4-FFF2-40B4-BE49-F238E27FC236}">
                <a16:creationId xmlns:a16="http://schemas.microsoft.com/office/drawing/2014/main" id="{E20F8483-9CF9-4D68-9034-E01CF112F300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4981634" y="40132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9" name="OTLSHAPE_SLA_6fe59af3f51f474aa91b8cbc1ccd9e28_Shape">
            <a:extLst>
              <a:ext uri="{FF2B5EF4-FFF2-40B4-BE49-F238E27FC236}">
                <a16:creationId xmlns:a16="http://schemas.microsoft.com/office/drawing/2014/main" id="{1A93C867-899A-4A86-8E81-C58F520CC95A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5065361" y="4013200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2" name="OTLSHAPE_SLA_1c37d341f28244c88d9d262a333e53ea_Shape">
            <a:extLst>
              <a:ext uri="{FF2B5EF4-FFF2-40B4-BE49-F238E27FC236}">
                <a16:creationId xmlns:a16="http://schemas.microsoft.com/office/drawing/2014/main" id="{8AAF0E75-6F9C-47CE-8E3F-41AFBA02496D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5141476" y="40132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5" name="OTLSHAPE_SLA_40f737d192134b35b0cd335753ddc009_Shape">
            <a:extLst>
              <a:ext uri="{FF2B5EF4-FFF2-40B4-BE49-F238E27FC236}">
                <a16:creationId xmlns:a16="http://schemas.microsoft.com/office/drawing/2014/main" id="{A10FE3E5-6031-4D8B-8CD6-9F3E3A97FA56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2355657" y="4432300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8" name="OTLSHAPE_SLA_77de91f0c1cb47d0b428eb4b7e035326_Shape">
            <a:extLst>
              <a:ext uri="{FF2B5EF4-FFF2-40B4-BE49-F238E27FC236}">
                <a16:creationId xmlns:a16="http://schemas.microsoft.com/office/drawing/2014/main" id="{111A111E-8996-4CF6-BB8F-C9AC8072172E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2487590" y="44323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7" name="OTLSHAPE_SLA_c426fbba8652495c97c5bc57a1cb45d1_Shape">
            <a:extLst>
              <a:ext uri="{FF2B5EF4-FFF2-40B4-BE49-F238E27FC236}">
                <a16:creationId xmlns:a16="http://schemas.microsoft.com/office/drawing/2014/main" id="{4CDB9ACE-BC61-4189-8465-A1E8B1CB63F2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7919683" y="5194300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0" name="OTLSHAPE_SLA_2da38308f759426fa7117921372f5fc2_Shape">
            <a:extLst>
              <a:ext uri="{FF2B5EF4-FFF2-40B4-BE49-F238E27FC236}">
                <a16:creationId xmlns:a16="http://schemas.microsoft.com/office/drawing/2014/main" id="{D5AE7FF6-E171-4A8E-97B3-44F101823AE2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8008484" y="51943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3" name="OTLSHAPE_SLA_109fb99362f94b769de21b8f34f754ea_Shape">
            <a:extLst>
              <a:ext uri="{FF2B5EF4-FFF2-40B4-BE49-F238E27FC236}">
                <a16:creationId xmlns:a16="http://schemas.microsoft.com/office/drawing/2014/main" id="{A0496AB7-B523-4400-9555-4EC4B1205B46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8094749" y="5194300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6" name="OTLSHAPE_SLA_d3d398018cfb4371b1cd513f3e5bff93_Shape">
            <a:extLst>
              <a:ext uri="{FF2B5EF4-FFF2-40B4-BE49-F238E27FC236}">
                <a16:creationId xmlns:a16="http://schemas.microsoft.com/office/drawing/2014/main" id="{E250D573-EB43-4F27-AA93-4E849D3B9D74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5674283" y="4775200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1" name="OTLSHAPE_SLA_26f0de370ff14ab3b614c255918010e7_Shape">
            <a:extLst>
              <a:ext uri="{FF2B5EF4-FFF2-40B4-BE49-F238E27FC236}">
                <a16:creationId xmlns:a16="http://schemas.microsoft.com/office/drawing/2014/main" id="{42FC0CF9-192D-4E31-9556-E08A5A8FB96A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5775770" y="47752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7" name="OTLSHAPE_SLA_7644e7fc9a8c42d8bbda9e12d10f77ce_Shape">
            <a:extLst>
              <a:ext uri="{FF2B5EF4-FFF2-40B4-BE49-F238E27FC236}">
                <a16:creationId xmlns:a16="http://schemas.microsoft.com/office/drawing/2014/main" id="{33D0B3C9-B1C8-4848-9623-8EA3DCC7A5D3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1191093" y="22225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0" name="OTLSHAPE_SLA_4316c5bb2cb34228aade3ade658b27b7_Shape">
            <a:extLst>
              <a:ext uri="{FF2B5EF4-FFF2-40B4-BE49-F238E27FC236}">
                <a16:creationId xmlns:a16="http://schemas.microsoft.com/office/drawing/2014/main" id="{86FC34E6-BE68-4DC4-B92D-DAC837B21E50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1345861" y="2222500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232" name="Group 231">
            <a:extLst>
              <a:ext uri="{FF2B5EF4-FFF2-40B4-BE49-F238E27FC236}">
                <a16:creationId xmlns:a16="http://schemas.microsoft.com/office/drawing/2014/main" id="{B0A96051-9737-4415-A87E-1B955E34B5B3}"/>
              </a:ext>
            </a:extLst>
          </p:cNvPr>
          <p:cNvGrpSpPr/>
          <p:nvPr/>
        </p:nvGrpSpPr>
        <p:grpSpPr>
          <a:xfrm>
            <a:off x="11463060" y="3253409"/>
            <a:ext cx="276999" cy="2332381"/>
            <a:chOff x="11446296" y="4100169"/>
            <a:chExt cx="276999" cy="2332381"/>
          </a:xfrm>
        </p:grpSpPr>
        <p:pic>
          <p:nvPicPr>
            <p:cNvPr id="233" name="Picture 232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1D2C11BC-A02D-4C72-BEFC-E977F411E6C0}"/>
                </a:ext>
              </a:extLst>
            </p:cNvPr>
            <p:cNvPicPr>
              <a:picLocks noChangeAspect="1"/>
            </p:cNvPicPr>
            <p:nvPr/>
          </p:nvPicPr>
          <p:blipFill>
            <a:blip r:embed="rId8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234" name="TextBox 233">
              <a:extLst>
                <a:ext uri="{FF2B5EF4-FFF2-40B4-BE49-F238E27FC236}">
                  <a16:creationId xmlns:a16="http://schemas.microsoft.com/office/drawing/2014/main" id="{5091BB3B-46A3-4D2D-9EDA-09E77EE6E0C9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grpSp>
        <p:nvGrpSpPr>
          <p:cNvPr id="227" name="Group 226">
            <a:extLst>
              <a:ext uri="{FF2B5EF4-FFF2-40B4-BE49-F238E27FC236}">
                <a16:creationId xmlns:a16="http://schemas.microsoft.com/office/drawing/2014/main" id="{1E0A7EEA-EF39-4A4E-8982-48CCB11E54E0}"/>
              </a:ext>
            </a:extLst>
          </p:cNvPr>
          <p:cNvGrpSpPr/>
          <p:nvPr/>
        </p:nvGrpSpPr>
        <p:grpSpPr>
          <a:xfrm>
            <a:off x="9332448" y="3424871"/>
            <a:ext cx="1798541" cy="1477328"/>
            <a:chOff x="8301774" y="271110"/>
            <a:chExt cx="1798541" cy="1477328"/>
          </a:xfrm>
        </p:grpSpPr>
        <p:sp>
          <p:nvSpPr>
            <p:cNvPr id="2" name="TextBox 1">
              <a:extLst>
                <a:ext uri="{FF2B5EF4-FFF2-40B4-BE49-F238E27FC236}">
                  <a16:creationId xmlns:a16="http://schemas.microsoft.com/office/drawing/2014/main" id="{4381B849-9FB2-447D-A75E-DC71CFF689E7}"/>
                </a:ext>
              </a:extLst>
            </p:cNvPr>
            <p:cNvSpPr txBox="1"/>
            <p:nvPr/>
          </p:nvSpPr>
          <p:spPr>
            <a:xfrm>
              <a:off x="8301774" y="271110"/>
              <a:ext cx="1798541" cy="1477328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Regional Launches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Asia/Pacific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Europe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North America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South America</a:t>
              </a:r>
            </a:p>
          </p:txBody>
        </p:sp>
        <p:sp>
          <p:nvSpPr>
            <p:cNvPr id="224" name="Diamond 223">
              <a:extLst>
                <a:ext uri="{FF2B5EF4-FFF2-40B4-BE49-F238E27FC236}">
                  <a16:creationId xmlns:a16="http://schemas.microsoft.com/office/drawing/2014/main" id="{2D471346-56C4-4907-96D9-A3656783FF0F}"/>
                </a:ext>
              </a:extLst>
            </p:cNvPr>
            <p:cNvSpPr/>
            <p:nvPr/>
          </p:nvSpPr>
          <p:spPr>
            <a:xfrm>
              <a:off x="9597765" y="600075"/>
              <a:ext cx="186055" cy="186055"/>
            </a:xfrm>
            <a:prstGeom prst="diamond">
              <a:avLst/>
            </a:prstGeom>
            <a:solidFill>
              <a:srgbClr val="7030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18" name="Diamond 217">
              <a:extLst>
                <a:ext uri="{FF2B5EF4-FFF2-40B4-BE49-F238E27FC236}">
                  <a16:creationId xmlns:a16="http://schemas.microsoft.com/office/drawing/2014/main" id="{18EE936C-E54B-42B1-ACE3-9228F3228058}"/>
                </a:ext>
              </a:extLst>
            </p:cNvPr>
            <p:cNvSpPr/>
            <p:nvPr/>
          </p:nvSpPr>
          <p:spPr>
            <a:xfrm>
              <a:off x="9597765" y="898948"/>
              <a:ext cx="186055" cy="186055"/>
            </a:xfrm>
            <a:prstGeom prst="diamond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20" name="Diamond 219">
              <a:extLst>
                <a:ext uri="{FF2B5EF4-FFF2-40B4-BE49-F238E27FC236}">
                  <a16:creationId xmlns:a16="http://schemas.microsoft.com/office/drawing/2014/main" id="{FF0B531E-C3B1-4C7E-8212-006D930395BE}"/>
                </a:ext>
              </a:extLst>
            </p:cNvPr>
            <p:cNvSpPr/>
            <p:nvPr/>
          </p:nvSpPr>
          <p:spPr>
            <a:xfrm>
              <a:off x="9597765" y="1197821"/>
              <a:ext cx="186055" cy="186055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21" name="Diamond 220">
              <a:extLst>
                <a:ext uri="{FF2B5EF4-FFF2-40B4-BE49-F238E27FC236}">
                  <a16:creationId xmlns:a16="http://schemas.microsoft.com/office/drawing/2014/main" id="{94455BA1-6FEC-4887-8F75-867D60788D8E}"/>
                </a:ext>
              </a:extLst>
            </p:cNvPr>
            <p:cNvSpPr/>
            <p:nvPr/>
          </p:nvSpPr>
          <p:spPr>
            <a:xfrm>
              <a:off x="9597765" y="1496695"/>
              <a:ext cx="186055" cy="186055"/>
            </a:xfrm>
            <a:prstGeom prst="diamond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223" name="TextBox 222">
            <a:extLst>
              <a:ext uri="{FF2B5EF4-FFF2-40B4-BE49-F238E27FC236}">
                <a16:creationId xmlns:a16="http://schemas.microsoft.com/office/drawing/2014/main" id="{5990FCEC-E02F-426E-BF08-E61A8BD45530}"/>
              </a:ext>
            </a:extLst>
          </p:cNvPr>
          <p:cNvSpPr txBox="1"/>
          <p:nvPr/>
        </p:nvSpPr>
        <p:spPr>
          <a:xfrm>
            <a:off x="1103784" y="804749"/>
            <a:ext cx="514301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oduct portfolio roadma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883849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" name="OTLSHAPE_SL2A_167c754578174fd2bf6a4bf994eed93a_BackgroundRectangle">
            <a:extLst>
              <a:ext uri="{FF2B5EF4-FFF2-40B4-BE49-F238E27FC236}">
                <a16:creationId xmlns:a16="http://schemas.microsoft.com/office/drawing/2014/main" id="{5F7E9015-AA55-4C6F-A1C8-B61619EC585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339746" y="2514600"/>
            <a:ext cx="98425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" name="OTLSHAPE_SL2A_a96c73945575412a9bfb3d6e76161897_BackgroundRectangle">
            <a:extLst>
              <a:ext uri="{FF2B5EF4-FFF2-40B4-BE49-F238E27FC236}">
                <a16:creationId xmlns:a16="http://schemas.microsoft.com/office/drawing/2014/main" id="{DB25DE42-1B77-4936-8D9A-20CC67FBF12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339746" y="2794000"/>
            <a:ext cx="98425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" name="OTLSHAPE_SL2A_cc37367988cc4809bf4dde2d94ee8214_BackgroundRectangle">
            <a:extLst>
              <a:ext uri="{FF2B5EF4-FFF2-40B4-BE49-F238E27FC236}">
                <a16:creationId xmlns:a16="http://schemas.microsoft.com/office/drawing/2014/main" id="{8F3E5883-1FFF-4021-BB2A-5B396E17819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339746" y="3073400"/>
            <a:ext cx="98425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" name="OTLSHAPE_SL2A_004bab7400e34ba6bbdd2c91a92ef25c_BackgroundRectangle">
            <a:extLst>
              <a:ext uri="{FF2B5EF4-FFF2-40B4-BE49-F238E27FC236}">
                <a16:creationId xmlns:a16="http://schemas.microsoft.com/office/drawing/2014/main" id="{787BBFF5-54D7-4CF7-A16A-7FAE1AA2E07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339746" y="3352800"/>
            <a:ext cx="98425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" name="OTLSHAPE_SL2A_22f0da81260f419b811bc7dba7e00a90_BackgroundRectangle">
            <a:extLst>
              <a:ext uri="{FF2B5EF4-FFF2-40B4-BE49-F238E27FC236}">
                <a16:creationId xmlns:a16="http://schemas.microsoft.com/office/drawing/2014/main" id="{6A83D4B1-242D-48CD-AD8B-794BB08B64A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339746" y="3695700"/>
            <a:ext cx="98425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1" name="OTLSHAPE_SL2A_ddfe87b6203c4de588f66acb0272d87b_BackgroundRectangle">
            <a:extLst>
              <a:ext uri="{FF2B5EF4-FFF2-40B4-BE49-F238E27FC236}">
                <a16:creationId xmlns:a16="http://schemas.microsoft.com/office/drawing/2014/main" id="{36772890-8BAB-4D4C-9D51-047F8E0B08A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339746" y="3975100"/>
            <a:ext cx="98425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4" name="OTLSHAPE_SL2A_94b479772e9448b0b4563c8c9ec4cd73_BackgroundRectangle">
            <a:extLst>
              <a:ext uri="{FF2B5EF4-FFF2-40B4-BE49-F238E27FC236}">
                <a16:creationId xmlns:a16="http://schemas.microsoft.com/office/drawing/2014/main" id="{C7343E69-521D-44AD-83CD-6BE7E52C520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339746" y="4254500"/>
            <a:ext cx="98425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7" name="OTLSHAPE_SL2A_3c2bbb058efe4c46a412ffc947641abd_BackgroundRectangle">
            <a:extLst>
              <a:ext uri="{FF2B5EF4-FFF2-40B4-BE49-F238E27FC236}">
                <a16:creationId xmlns:a16="http://schemas.microsoft.com/office/drawing/2014/main" id="{A7A80C26-8B92-47C0-B756-C6212FF9263B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339746" y="4533900"/>
            <a:ext cx="98425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0" name="OTLSHAPE_SL2A_9cd23ba608ec4fe9a6ca160fd968ef1a_BackgroundRectangle">
            <a:extLst>
              <a:ext uri="{FF2B5EF4-FFF2-40B4-BE49-F238E27FC236}">
                <a16:creationId xmlns:a16="http://schemas.microsoft.com/office/drawing/2014/main" id="{3E31CA7C-23D3-4A6B-8F87-77D589B7B94D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339746" y="4876800"/>
            <a:ext cx="98425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" name="OTLSHAPE_SL2A_9f7447368d9e4f9286b74080343ab851_BackgroundRectangle">
            <a:extLst>
              <a:ext uri="{FF2B5EF4-FFF2-40B4-BE49-F238E27FC236}">
                <a16:creationId xmlns:a16="http://schemas.microsoft.com/office/drawing/2014/main" id="{34F531D0-51A1-4CB5-8B5D-F513C81CF322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339746" y="5156200"/>
            <a:ext cx="98425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6" name="OTLSHAPE_SL2A_a52247eedc144497af337a4606e6bb72_BackgroundRectangle">
            <a:extLst>
              <a:ext uri="{FF2B5EF4-FFF2-40B4-BE49-F238E27FC236}">
                <a16:creationId xmlns:a16="http://schemas.microsoft.com/office/drawing/2014/main" id="{E0D9D533-B424-4DEB-BDBA-D1D7395ED05E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339746" y="5435600"/>
            <a:ext cx="98425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2A_5798b269a7f5466ebb1e45603005e0fb_BackgroundRectangle">
            <a:extLst>
              <a:ext uri="{FF2B5EF4-FFF2-40B4-BE49-F238E27FC236}">
                <a16:creationId xmlns:a16="http://schemas.microsoft.com/office/drawing/2014/main" id="{02E878D1-9175-45F0-B9E1-DE9AE9905D9D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339746" y="5715000"/>
            <a:ext cx="98425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54" name="OTLSHAPE_SL2AL_00000000000000000000000000000000_ShapeBelow0">
            <a:extLst>
              <a:ext uri="{FF2B5EF4-FFF2-40B4-BE49-F238E27FC236}">
                <a16:creationId xmlns:a16="http://schemas.microsoft.com/office/drawing/2014/main" id="{24CB3209-1D51-4FFF-B797-EE6B803411C0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339746" y="2794000"/>
            <a:ext cx="983299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SL2AL_00000000000000000000000000000000_ShapeBelow1">
            <a:extLst>
              <a:ext uri="{FF2B5EF4-FFF2-40B4-BE49-F238E27FC236}">
                <a16:creationId xmlns:a16="http://schemas.microsoft.com/office/drawing/2014/main" id="{5DA1567D-0AEC-4C38-A057-F2E8DC588B4E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1339746" y="3073400"/>
            <a:ext cx="983299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SL2AL_00000000000000000000000000000000_ShapeBelow2">
            <a:extLst>
              <a:ext uri="{FF2B5EF4-FFF2-40B4-BE49-F238E27FC236}">
                <a16:creationId xmlns:a16="http://schemas.microsoft.com/office/drawing/2014/main" id="{D19754E5-1E5C-464E-8F7D-B94352DFB3DE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339746" y="3352800"/>
            <a:ext cx="983299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SL2AL_00000000000000000000000000000000_ShapeBelow3">
            <a:extLst>
              <a:ext uri="{FF2B5EF4-FFF2-40B4-BE49-F238E27FC236}">
                <a16:creationId xmlns:a16="http://schemas.microsoft.com/office/drawing/2014/main" id="{C6B8C448-292C-4226-8EFC-1D1BE1C9EA11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339746" y="3975100"/>
            <a:ext cx="983299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SL2AL_00000000000000000000000000000000_ShapeBelow4">
            <a:extLst>
              <a:ext uri="{FF2B5EF4-FFF2-40B4-BE49-F238E27FC236}">
                <a16:creationId xmlns:a16="http://schemas.microsoft.com/office/drawing/2014/main" id="{961AF112-05A5-4891-981C-266D413684F1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339746" y="4254500"/>
            <a:ext cx="983299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SL2AL_00000000000000000000000000000000_ShapeBelow5">
            <a:extLst>
              <a:ext uri="{FF2B5EF4-FFF2-40B4-BE49-F238E27FC236}">
                <a16:creationId xmlns:a16="http://schemas.microsoft.com/office/drawing/2014/main" id="{816C7153-A2A5-4CAD-8F75-CD33C56BE85A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339746" y="4533900"/>
            <a:ext cx="983299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SL2AL_00000000000000000000000000000000_ShapeBelow6">
            <a:extLst>
              <a:ext uri="{FF2B5EF4-FFF2-40B4-BE49-F238E27FC236}">
                <a16:creationId xmlns:a16="http://schemas.microsoft.com/office/drawing/2014/main" id="{6977986F-2F78-4FA4-8D7E-F93C58375D47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339746" y="5156200"/>
            <a:ext cx="983299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SL2AL_00000000000000000000000000000000_ShapeBelow7">
            <a:extLst>
              <a:ext uri="{FF2B5EF4-FFF2-40B4-BE49-F238E27FC236}">
                <a16:creationId xmlns:a16="http://schemas.microsoft.com/office/drawing/2014/main" id="{5353B3F2-591F-43E5-A70F-3A2537D4236F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1339746" y="5435600"/>
            <a:ext cx="983299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" name="OTLSHAPE_SL2AL_00000000000000000000000000000000_ShapeBelow8">
            <a:extLst>
              <a:ext uri="{FF2B5EF4-FFF2-40B4-BE49-F238E27FC236}">
                <a16:creationId xmlns:a16="http://schemas.microsoft.com/office/drawing/2014/main" id="{B3ECFF43-57D5-4621-A56B-E732F79074B6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339746" y="5715000"/>
            <a:ext cx="983299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5794B22-E6A6-481F-8E27-53BD3ECB263C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404696" y="2057400"/>
            <a:ext cx="87757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OTLSHAPE_SL_d0607497c7e940d08c6126ff7e707e74_HeaderRectangle">
            <a:extLst>
              <a:ext uri="{FF2B5EF4-FFF2-40B4-BE49-F238E27FC236}">
                <a16:creationId xmlns:a16="http://schemas.microsoft.com/office/drawing/2014/main" id="{ADBF42E4-E446-4D47-9482-35EAA30B46CA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2514600"/>
            <a:ext cx="1282700" cy="1117600"/>
          </a:xfrm>
          <a:prstGeom prst="rect">
            <a:avLst/>
          </a:prstGeom>
          <a:solidFill>
            <a:schemeClr val="accent3">
              <a:alpha val="49804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SL_42ee18d900124122b9cd217ee860858a_HeaderRectangle">
            <a:extLst>
              <a:ext uri="{FF2B5EF4-FFF2-40B4-BE49-F238E27FC236}">
                <a16:creationId xmlns:a16="http://schemas.microsoft.com/office/drawing/2014/main" id="{AB226B33-0D84-4103-B180-CAC7094CB09E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3500" y="3695700"/>
            <a:ext cx="1282700" cy="11176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OTLSHAPE_SL_75aee73784d44525bde0bbcd73361a4b_HeaderRectangle">
            <a:extLst>
              <a:ext uri="{FF2B5EF4-FFF2-40B4-BE49-F238E27FC236}">
                <a16:creationId xmlns:a16="http://schemas.microsoft.com/office/drawing/2014/main" id="{885A8537-FFA5-410A-865B-52CBA006CA69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3500" y="4876800"/>
            <a:ext cx="1282700" cy="11176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" name="OTLSHAPE_SL2A_167c754578174fd2bf6a4bf994eed93a_HeaderRectangle">
            <a:extLst>
              <a:ext uri="{FF2B5EF4-FFF2-40B4-BE49-F238E27FC236}">
                <a16:creationId xmlns:a16="http://schemas.microsoft.com/office/drawing/2014/main" id="{F3095CCC-4796-4921-B369-2903F5EEA90B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339746" y="2514600"/>
            <a:ext cx="939800" cy="2794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" name="OTLSHAPE_SL2A_a96c73945575412a9bfb3d6e76161897_HeaderRectangle">
            <a:extLst>
              <a:ext uri="{FF2B5EF4-FFF2-40B4-BE49-F238E27FC236}">
                <a16:creationId xmlns:a16="http://schemas.microsoft.com/office/drawing/2014/main" id="{D7FFB4A7-036C-4CE8-B401-A229AA712F2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339746" y="2794000"/>
            <a:ext cx="939800" cy="2794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" name="OTLSHAPE_SL2A_cc37367988cc4809bf4dde2d94ee8214_HeaderRectangle">
            <a:extLst>
              <a:ext uri="{FF2B5EF4-FFF2-40B4-BE49-F238E27FC236}">
                <a16:creationId xmlns:a16="http://schemas.microsoft.com/office/drawing/2014/main" id="{051753C6-1252-4411-9562-028B2567CFC2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339746" y="3073400"/>
            <a:ext cx="939800" cy="2794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" name="OTLSHAPE_SL2A_004bab7400e34ba6bbdd2c91a92ef25c_HeaderRectangle">
            <a:extLst>
              <a:ext uri="{FF2B5EF4-FFF2-40B4-BE49-F238E27FC236}">
                <a16:creationId xmlns:a16="http://schemas.microsoft.com/office/drawing/2014/main" id="{333AAAE4-4B89-4CD9-903A-B45D20C3A4EF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339746" y="3352800"/>
            <a:ext cx="939800" cy="2794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" name="OTLSHAPE_SL2A_22f0da81260f419b811bc7dba7e00a90_HeaderRectangle">
            <a:extLst>
              <a:ext uri="{FF2B5EF4-FFF2-40B4-BE49-F238E27FC236}">
                <a16:creationId xmlns:a16="http://schemas.microsoft.com/office/drawing/2014/main" id="{375D8886-DDE8-4BBA-ABC6-CB2B3C9BB33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339746" y="3695700"/>
            <a:ext cx="939800" cy="2794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9" name="OTLSHAPE_SL2A_ddfe87b6203c4de588f66acb0272d87b_HeaderRectangle">
            <a:extLst>
              <a:ext uri="{FF2B5EF4-FFF2-40B4-BE49-F238E27FC236}">
                <a16:creationId xmlns:a16="http://schemas.microsoft.com/office/drawing/2014/main" id="{4DDD031D-8498-4019-956D-E3EDE266EDEE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339746" y="3975100"/>
            <a:ext cx="939800" cy="2794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" name="OTLSHAPE_SL2A_94b479772e9448b0b4563c8c9ec4cd73_HeaderRectangle">
            <a:extLst>
              <a:ext uri="{FF2B5EF4-FFF2-40B4-BE49-F238E27FC236}">
                <a16:creationId xmlns:a16="http://schemas.microsoft.com/office/drawing/2014/main" id="{2CAF40E1-EA1F-49E1-A2F5-E8675924469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339746" y="4254500"/>
            <a:ext cx="939800" cy="2794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5" name="OTLSHAPE_SL2A_3c2bbb058efe4c46a412ffc947641abd_HeaderRectangle">
            <a:extLst>
              <a:ext uri="{FF2B5EF4-FFF2-40B4-BE49-F238E27FC236}">
                <a16:creationId xmlns:a16="http://schemas.microsoft.com/office/drawing/2014/main" id="{C1B48F25-2503-4F60-AAE5-4FF6BA51580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339746" y="4533900"/>
            <a:ext cx="939800" cy="2794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8" name="OTLSHAPE_SL2A_9cd23ba608ec4fe9a6ca160fd968ef1a_HeaderRectangle">
            <a:extLst>
              <a:ext uri="{FF2B5EF4-FFF2-40B4-BE49-F238E27FC236}">
                <a16:creationId xmlns:a16="http://schemas.microsoft.com/office/drawing/2014/main" id="{53DC4AF9-D805-4BD4-960D-F8268499322C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339746" y="4876800"/>
            <a:ext cx="939800" cy="2794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1" name="OTLSHAPE_SL2A_9f7447368d9e4f9286b74080343ab851_HeaderRectangle">
            <a:extLst>
              <a:ext uri="{FF2B5EF4-FFF2-40B4-BE49-F238E27FC236}">
                <a16:creationId xmlns:a16="http://schemas.microsoft.com/office/drawing/2014/main" id="{B0F0BEFC-E549-4672-A5ED-206769526122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339746" y="5156200"/>
            <a:ext cx="939800" cy="2794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" name="OTLSHAPE_SL2A_a52247eedc144497af337a4606e6bb72_HeaderRectangle">
            <a:extLst>
              <a:ext uri="{FF2B5EF4-FFF2-40B4-BE49-F238E27FC236}">
                <a16:creationId xmlns:a16="http://schemas.microsoft.com/office/drawing/2014/main" id="{C1AE16F4-C731-40DB-B5F3-D97F0FC1F1D2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339746" y="5435600"/>
            <a:ext cx="939800" cy="2794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OTLSHAPE_SL2A_5798b269a7f5466ebb1e45603005e0fb_HeaderRectangle">
            <a:extLst>
              <a:ext uri="{FF2B5EF4-FFF2-40B4-BE49-F238E27FC236}">
                <a16:creationId xmlns:a16="http://schemas.microsoft.com/office/drawing/2014/main" id="{CEBE19BD-615C-41EA-8EC7-8A79287E53C9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339746" y="5715000"/>
            <a:ext cx="939800" cy="2794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6" name="OTLSHAPE_G_00000000000000000000000000000000_ShapeBelow0">
            <a:extLst>
              <a:ext uri="{FF2B5EF4-FFF2-40B4-BE49-F238E27FC236}">
                <a16:creationId xmlns:a16="http://schemas.microsoft.com/office/drawing/2014/main" id="{7EB91630-89BC-41B3-9545-7FCE015CBB5B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3281500" y="2311400"/>
            <a:ext cx="0" cy="3683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G_00000000000000000000000000000000_ShapeBelow1">
            <a:extLst>
              <a:ext uri="{FF2B5EF4-FFF2-40B4-BE49-F238E27FC236}">
                <a16:creationId xmlns:a16="http://schemas.microsoft.com/office/drawing/2014/main" id="{6C3BFB42-7892-41A0-85D2-F1125AFE5B9A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4158305" y="2311400"/>
            <a:ext cx="0" cy="3683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G_00000000000000000000000000000000_ShapeBelow2">
            <a:extLst>
              <a:ext uri="{FF2B5EF4-FFF2-40B4-BE49-F238E27FC236}">
                <a16:creationId xmlns:a16="http://schemas.microsoft.com/office/drawing/2014/main" id="{A041E623-B103-46DE-A710-C6DC1CA6B2B7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5035109" y="2311400"/>
            <a:ext cx="0" cy="3683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G_00000000000000000000000000000000_ShapeBelow3">
            <a:extLst>
              <a:ext uri="{FF2B5EF4-FFF2-40B4-BE49-F238E27FC236}">
                <a16:creationId xmlns:a16="http://schemas.microsoft.com/office/drawing/2014/main" id="{0FA5DD10-2604-40DF-82E8-B7FC193942E1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5911914" y="2311400"/>
            <a:ext cx="0" cy="3683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G_00000000000000000000000000000000_ShapeBelow4">
            <a:extLst>
              <a:ext uri="{FF2B5EF4-FFF2-40B4-BE49-F238E27FC236}">
                <a16:creationId xmlns:a16="http://schemas.microsoft.com/office/drawing/2014/main" id="{97FAC66A-08EB-4611-894D-F6FD8CA6FB39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6788840" y="2311400"/>
            <a:ext cx="0" cy="3683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G_00000000000000000000000000000000_ShapeBelow5">
            <a:extLst>
              <a:ext uri="{FF2B5EF4-FFF2-40B4-BE49-F238E27FC236}">
                <a16:creationId xmlns:a16="http://schemas.microsoft.com/office/drawing/2014/main" id="{11B7613E-FE8E-4C1B-B515-19CF10BCEF9A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7665523" y="2311400"/>
            <a:ext cx="0" cy="3683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G_00000000000000000000000000000000_ShapeBelow6">
            <a:extLst>
              <a:ext uri="{FF2B5EF4-FFF2-40B4-BE49-F238E27FC236}">
                <a16:creationId xmlns:a16="http://schemas.microsoft.com/office/drawing/2014/main" id="{E40131CA-F0F1-4AFC-8F59-592E68DFB30C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8542327" y="2311400"/>
            <a:ext cx="0" cy="3683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G_00000000000000000000000000000000_ShapeBelow7">
            <a:extLst>
              <a:ext uri="{FF2B5EF4-FFF2-40B4-BE49-F238E27FC236}">
                <a16:creationId xmlns:a16="http://schemas.microsoft.com/office/drawing/2014/main" id="{862B7CDC-3EE3-4D51-8150-C7433F99C1F0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9419131" y="2311400"/>
            <a:ext cx="0" cy="3683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G_00000000000000000000000000000000_ShapeBelow8">
            <a:extLst>
              <a:ext uri="{FF2B5EF4-FFF2-40B4-BE49-F238E27FC236}">
                <a16:creationId xmlns:a16="http://schemas.microsoft.com/office/drawing/2014/main" id="{3D479292-F4FE-4A2F-BEB9-73CE92D5C514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10295936" y="2311400"/>
            <a:ext cx="0" cy="3683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5" name="OTLSHAPE_SLT_1146cbae73244ae0a9f4e0329c4c93b2_Shape">
            <a:extLst>
              <a:ext uri="{FF2B5EF4-FFF2-40B4-BE49-F238E27FC236}">
                <a16:creationId xmlns:a16="http://schemas.microsoft.com/office/drawing/2014/main" id="{3C116883-F3F3-4E96-B457-CC044A77B8C7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227242" y="3733800"/>
            <a:ext cx="35179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1" name="OTLSHAPE_SLT_84a4970e52a6454387337146a8bf522f_Shape">
            <a:extLst>
              <a:ext uri="{FF2B5EF4-FFF2-40B4-BE49-F238E27FC236}">
                <a16:creationId xmlns:a16="http://schemas.microsoft.com/office/drawing/2014/main" id="{C90812EE-EE35-4713-9629-4CC65A597CC5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952820" y="4914900"/>
            <a:ext cx="35179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3" name="OTLSHAPE_SLT_4a834755689942aba0437e56f24c7e9d_Shape">
            <a:extLst>
              <a:ext uri="{FF2B5EF4-FFF2-40B4-BE49-F238E27FC236}">
                <a16:creationId xmlns:a16="http://schemas.microsoft.com/office/drawing/2014/main" id="{C3E438B7-8A76-4286-9D81-21E321390E2E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843220" y="2552700"/>
            <a:ext cx="35179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5" name="OTLSHAPE_SLT_a79dce9ae10d4f829c2300218b7e3c27_Shape">
            <a:extLst>
              <a:ext uri="{FF2B5EF4-FFF2-40B4-BE49-F238E27FC236}">
                <a16:creationId xmlns:a16="http://schemas.microsoft.com/office/drawing/2014/main" id="{A309EAE0-6D62-45A5-AE41-E18E2995F5AA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7227242" y="2552700"/>
            <a:ext cx="35179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7" name="OTLSHAPE_SLT_493a7a0e96be4ee7b6957a65182f9f83_Shape">
            <a:extLst>
              <a:ext uri="{FF2B5EF4-FFF2-40B4-BE49-F238E27FC236}">
                <a16:creationId xmlns:a16="http://schemas.microsoft.com/office/drawing/2014/main" id="{9456E866-2680-47A5-BA32-1C223F4E84F9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843220" y="3733800"/>
            <a:ext cx="35179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9" name="OTLSHAPE_SLT_3b1bfb988e1245b4ad5963d799663daf_Shape">
            <a:extLst>
              <a:ext uri="{FF2B5EF4-FFF2-40B4-BE49-F238E27FC236}">
                <a16:creationId xmlns:a16="http://schemas.microsoft.com/office/drawing/2014/main" id="{4DC543B6-D638-4295-AB03-5DD4556A2CE8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7665645" y="4013200"/>
            <a:ext cx="21971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7" name="OTLSHAPE_SLT_2038a61d4eae440d8cc59c537ae70f58_Shape">
            <a:extLst>
              <a:ext uri="{FF2B5EF4-FFF2-40B4-BE49-F238E27FC236}">
                <a16:creationId xmlns:a16="http://schemas.microsoft.com/office/drawing/2014/main" id="{94E8CE3D-749F-4B95-8B3E-F15E266700C5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4596829" y="2832100"/>
            <a:ext cx="8890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3" name="OTLSHAPE_SLT_ea04951b789a4ef6b11dd7c628044f79_Shape">
            <a:extLst>
              <a:ext uri="{FF2B5EF4-FFF2-40B4-BE49-F238E27FC236}">
                <a16:creationId xmlns:a16="http://schemas.microsoft.com/office/drawing/2014/main" id="{137E6868-CC67-48C2-9D89-7F11E75EFB31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035231" y="5194300"/>
            <a:ext cx="660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5" name="OTLSHAPE_SLT_40182e2e0d6a482195d1f9524c5ad675_Shape">
            <a:extLst>
              <a:ext uri="{FF2B5EF4-FFF2-40B4-BE49-F238E27FC236}">
                <a16:creationId xmlns:a16="http://schemas.microsoft.com/office/drawing/2014/main" id="{491AD4AD-B5C7-4F0B-A81A-92599193BC7F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7227242" y="5473700"/>
            <a:ext cx="8890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9" name="OTLSHAPE_SLT_3a26f6929be44ca498e2e6f90061f92d_Shape">
            <a:extLst>
              <a:ext uri="{FF2B5EF4-FFF2-40B4-BE49-F238E27FC236}">
                <a16:creationId xmlns:a16="http://schemas.microsoft.com/office/drawing/2014/main" id="{1AE3F00A-51DF-44DE-B9A0-399BD6B50D6A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583234" y="4292600"/>
            <a:ext cx="7747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1" name="OTLSHAPE_SLT_98688a147f0541a692d7c0165b430598_Shape">
            <a:extLst>
              <a:ext uri="{FF2B5EF4-FFF2-40B4-BE49-F238E27FC236}">
                <a16:creationId xmlns:a16="http://schemas.microsoft.com/office/drawing/2014/main" id="{0CCC7511-6681-4A3C-A9E6-EB5EA42C630F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8542448" y="5753100"/>
            <a:ext cx="444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7" name="OTLSHAPE_SLT_7bbe49aa98f1411c86b391adde38bf35_Shape">
            <a:extLst>
              <a:ext uri="{FF2B5EF4-FFF2-40B4-BE49-F238E27FC236}">
                <a16:creationId xmlns:a16="http://schemas.microsoft.com/office/drawing/2014/main" id="{4A2878E8-D31C-4AC0-A0E6-0AB985E32EEB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5583234" y="3111500"/>
            <a:ext cx="7747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5" name="OTLSHAPE_SLT_aa1e36470487413ab3f480994828d7de_Shape">
            <a:extLst>
              <a:ext uri="{FF2B5EF4-FFF2-40B4-BE49-F238E27FC236}">
                <a16:creationId xmlns:a16="http://schemas.microsoft.com/office/drawing/2014/main" id="{EA28EBB4-CFC4-4D63-A5E8-A5E222DC4A57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596829" y="3390900"/>
            <a:ext cx="444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3" name="OTLSHAPE_SLT_829ac61fcfbd4320adcc5e3ceaf2df63_Shape">
            <a:extLst>
              <a:ext uri="{FF2B5EF4-FFF2-40B4-BE49-F238E27FC236}">
                <a16:creationId xmlns:a16="http://schemas.microsoft.com/office/drawing/2014/main" id="{35162566-F157-46F5-A3F0-3F23C365D520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7665645" y="4572000"/>
            <a:ext cx="444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1" name="OTLSHAPE_SLT_46d02c4a57c84e6898e07bc78f8bf1a5_Shape">
            <a:extLst>
              <a:ext uri="{FF2B5EF4-FFF2-40B4-BE49-F238E27FC236}">
                <a16:creationId xmlns:a16="http://schemas.microsoft.com/office/drawing/2014/main" id="{EEADD434-A39F-425A-A153-1D4780654A98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7665645" y="4914900"/>
            <a:ext cx="17653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OTLSHAPE_SL_d0607497c7e940d08c6126ff7e707e74_Header">
            <a:extLst>
              <a:ext uri="{FF2B5EF4-FFF2-40B4-BE49-F238E27FC236}">
                <a16:creationId xmlns:a16="http://schemas.microsoft.com/office/drawing/2014/main" id="{AD5E6873-5544-4D42-B7BD-05AEF76C10AC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3500" y="2825369"/>
            <a:ext cx="1282700" cy="4960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nt shop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imbledon</a:t>
            </a:r>
          </a:p>
        </p:txBody>
      </p:sp>
      <p:sp>
        <p:nvSpPr>
          <p:cNvPr id="19" name="OTLSHAPE_SL_42ee18d900124122b9cd217ee860858a_Header">
            <a:extLst>
              <a:ext uri="{FF2B5EF4-FFF2-40B4-BE49-F238E27FC236}">
                <a16:creationId xmlns:a16="http://schemas.microsoft.com/office/drawing/2014/main" id="{5FC3A1C3-ACD0-4313-B537-7C929994652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4006469"/>
            <a:ext cx="1282700" cy="4960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nt shop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reenwich</a:t>
            </a:r>
          </a:p>
        </p:txBody>
      </p:sp>
      <p:sp>
        <p:nvSpPr>
          <p:cNvPr id="22" name="OTLSHAPE_SL_75aee73784d44525bde0bbcd73361a4b_Header">
            <a:extLst>
              <a:ext uri="{FF2B5EF4-FFF2-40B4-BE49-F238E27FC236}">
                <a16:creationId xmlns:a16="http://schemas.microsoft.com/office/drawing/2014/main" id="{F3982310-2F0D-4016-A469-6F2AFBCB867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5187569"/>
            <a:ext cx="1282700" cy="4960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nt shop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elsea</a:t>
            </a:r>
          </a:p>
        </p:txBody>
      </p:sp>
      <p:sp>
        <p:nvSpPr>
          <p:cNvPr id="43" name="OTLSHAPE_SL2A_167c754578174fd2bf6a4bf994eed93a_Header">
            <a:extLst>
              <a:ext uri="{FF2B5EF4-FFF2-40B4-BE49-F238E27FC236}">
                <a16:creationId xmlns:a16="http://schemas.microsoft.com/office/drawing/2014/main" id="{B64BC21A-69AA-4C79-BC72-7E4EFE4FCAAB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403246" y="256904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nter/Copy</a:t>
            </a:r>
          </a:p>
        </p:txBody>
      </p:sp>
      <p:sp>
        <p:nvSpPr>
          <p:cNvPr id="46" name="OTLSHAPE_SL2A_a96c73945575412a9bfb3d6e76161897_Header">
            <a:extLst>
              <a:ext uri="{FF2B5EF4-FFF2-40B4-BE49-F238E27FC236}">
                <a16:creationId xmlns:a16="http://schemas.microsoft.com/office/drawing/2014/main" id="{7E68866A-2941-4D32-AB16-4DE30E24529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403246" y="284844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utter </a:t>
            </a:r>
          </a:p>
        </p:txBody>
      </p:sp>
      <p:sp>
        <p:nvSpPr>
          <p:cNvPr id="49" name="OTLSHAPE_SL2A_cc37367988cc4809bf4dde2d94ee8214_Header">
            <a:extLst>
              <a:ext uri="{FF2B5EF4-FFF2-40B4-BE49-F238E27FC236}">
                <a16:creationId xmlns:a16="http://schemas.microsoft.com/office/drawing/2014/main" id="{8A96BA14-97F7-4408-AFAC-43B9EFE085D0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403246" y="312784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inder</a:t>
            </a:r>
          </a:p>
        </p:txBody>
      </p:sp>
      <p:sp>
        <p:nvSpPr>
          <p:cNvPr id="52" name="OTLSHAPE_SL2A_004bab7400e34ba6bbdd2c91a92ef25c_Header">
            <a:extLst>
              <a:ext uri="{FF2B5EF4-FFF2-40B4-BE49-F238E27FC236}">
                <a16:creationId xmlns:a16="http://schemas.microsoft.com/office/drawing/2014/main" id="{74F915F0-0C0A-4B06-A00F-95490DC5F946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403246" y="340724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aminator</a:t>
            </a:r>
          </a:p>
        </p:txBody>
      </p:sp>
      <p:sp>
        <p:nvSpPr>
          <p:cNvPr id="31" name="OTLSHAPE_SL2A_22f0da81260f419b811bc7dba7e00a90_Header">
            <a:extLst>
              <a:ext uri="{FF2B5EF4-FFF2-40B4-BE49-F238E27FC236}">
                <a16:creationId xmlns:a16="http://schemas.microsoft.com/office/drawing/2014/main" id="{21DEE0A5-46EB-49F6-BC1E-7877DDE18CFA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403246" y="375014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nter/Copy</a:t>
            </a:r>
          </a:p>
        </p:txBody>
      </p:sp>
      <p:sp>
        <p:nvSpPr>
          <p:cNvPr id="90" name="OTLSHAPE_SL2A_ddfe87b6203c4de588f66acb0272d87b_Header">
            <a:extLst>
              <a:ext uri="{FF2B5EF4-FFF2-40B4-BE49-F238E27FC236}">
                <a16:creationId xmlns:a16="http://schemas.microsoft.com/office/drawing/2014/main" id="{AB3E3E57-2501-4968-8489-508DE2A62425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403246" y="402954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utter</a:t>
            </a:r>
          </a:p>
        </p:txBody>
      </p:sp>
      <p:sp>
        <p:nvSpPr>
          <p:cNvPr id="93" name="OTLSHAPE_SL2A_94b479772e9448b0b4563c8c9ec4cd73_Header">
            <a:extLst>
              <a:ext uri="{FF2B5EF4-FFF2-40B4-BE49-F238E27FC236}">
                <a16:creationId xmlns:a16="http://schemas.microsoft.com/office/drawing/2014/main" id="{DE7E4359-B781-49B3-BFBA-D06404080D0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403246" y="430894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inder</a:t>
            </a:r>
          </a:p>
        </p:txBody>
      </p:sp>
      <p:sp>
        <p:nvSpPr>
          <p:cNvPr id="96" name="OTLSHAPE_SL2A_3c2bbb058efe4c46a412ffc947641abd_Header">
            <a:extLst>
              <a:ext uri="{FF2B5EF4-FFF2-40B4-BE49-F238E27FC236}">
                <a16:creationId xmlns:a16="http://schemas.microsoft.com/office/drawing/2014/main" id="{E26C9FCE-6D82-4F32-A435-9F84C8B18A87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403246" y="458834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aminator</a:t>
            </a:r>
          </a:p>
        </p:txBody>
      </p:sp>
      <p:sp>
        <p:nvSpPr>
          <p:cNvPr id="99" name="OTLSHAPE_SL2A_9cd23ba608ec4fe9a6ca160fd968ef1a_Header">
            <a:extLst>
              <a:ext uri="{FF2B5EF4-FFF2-40B4-BE49-F238E27FC236}">
                <a16:creationId xmlns:a16="http://schemas.microsoft.com/office/drawing/2014/main" id="{7D2799D0-4DF1-4FBC-A428-17B9212D48C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403246" y="493124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nter/Copy</a:t>
            </a:r>
          </a:p>
        </p:txBody>
      </p:sp>
      <p:sp>
        <p:nvSpPr>
          <p:cNvPr id="102" name="OTLSHAPE_SL2A_9f7447368d9e4f9286b74080343ab851_Header">
            <a:extLst>
              <a:ext uri="{FF2B5EF4-FFF2-40B4-BE49-F238E27FC236}">
                <a16:creationId xmlns:a16="http://schemas.microsoft.com/office/drawing/2014/main" id="{55852206-2D50-4363-88F5-CCA8C295266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403246" y="521064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utter</a:t>
            </a:r>
          </a:p>
        </p:txBody>
      </p:sp>
      <p:sp>
        <p:nvSpPr>
          <p:cNvPr id="105" name="OTLSHAPE_SL2A_a52247eedc144497af337a4606e6bb72_Header">
            <a:extLst>
              <a:ext uri="{FF2B5EF4-FFF2-40B4-BE49-F238E27FC236}">
                <a16:creationId xmlns:a16="http://schemas.microsoft.com/office/drawing/2014/main" id="{AB975E37-34B7-4E3B-BA3A-2FD69FE92AC3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403246" y="549004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inder</a:t>
            </a:r>
          </a:p>
        </p:txBody>
      </p:sp>
      <p:sp>
        <p:nvSpPr>
          <p:cNvPr id="108" name="OTLSHAPE_SL2A_5798b269a7f5466ebb1e45603005e0fb_Header">
            <a:extLst>
              <a:ext uri="{FF2B5EF4-FFF2-40B4-BE49-F238E27FC236}">
                <a16:creationId xmlns:a16="http://schemas.microsoft.com/office/drawing/2014/main" id="{D4DEB733-168D-4A21-AA80-BE48A0D0627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403246" y="576944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aminator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635A09E-6427-4A9F-A21E-86846016CC5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468317" y="2091373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 am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06DDD3A3-5D1E-489C-8861-434A65DF7D4A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345122" y="20913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am</a:t>
            </a:r>
            <a:endParaRPr kumimoji="0" lang="en-US" sz="1200" b="0" i="0" u="none" strike="noStrike" kern="1200" cap="none" spc="-16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00AB673C-3C9C-4B23-8FAD-9726AB9BC700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221926" y="20913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 pm</a:t>
            </a:r>
            <a:endParaRPr kumimoji="0" lang="en-US" sz="1200" b="0" i="0" u="none" strike="noStrike" kern="1200" cap="none" spc="-16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DD69B683-B853-4C68-B8FC-FF4AC31C86D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098731" y="2091373"/>
            <a:ext cx="3173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 pm</a:t>
            </a:r>
            <a:endParaRPr kumimoji="0" lang="en-US" sz="1200" b="0" i="0" u="none" strike="noStrike" kern="1200" cap="none" spc="-18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B3BC3C01-2529-45EA-823D-954B81FA9EA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975535" y="2091373"/>
            <a:ext cx="3173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 pm</a:t>
            </a:r>
            <a:endParaRPr kumimoji="0" lang="en-US" sz="1200" b="0" i="0" u="none" strike="noStrike" kern="1200" cap="none" spc="-18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" name="OTLSHAPE_TB_00000000000000000000000000000000_ScaleMarking1">
            <a:extLst>
              <a:ext uri="{FF2B5EF4-FFF2-40B4-BE49-F238E27FC236}">
                <a16:creationId xmlns:a16="http://schemas.microsoft.com/office/drawing/2014/main" id="{A4B791DF-1D9F-418A-B393-703B42B6F5E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2468317" y="1871345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y 1</a:t>
            </a:r>
          </a:p>
        </p:txBody>
      </p:sp>
      <p:sp>
        <p:nvSpPr>
          <p:cNvPr id="72" name="OTLSHAPE_TB_00000000000000000000000000000000_TimescaleInterval6">
            <a:extLst>
              <a:ext uri="{FF2B5EF4-FFF2-40B4-BE49-F238E27FC236}">
                <a16:creationId xmlns:a16="http://schemas.microsoft.com/office/drawing/2014/main" id="{24DDC3DD-1A44-47A8-A3CD-A46CAB391FFB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852340" y="2091373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 am</a:t>
            </a:r>
            <a:endParaRPr kumimoji="0" lang="en-US" sz="1200" b="0" i="0" u="none" strike="noStrike" kern="1200" cap="none" spc="-18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6" name="OTLSHAPE_TB_00000000000000000000000000000000_TimescaleInterval7">
            <a:extLst>
              <a:ext uri="{FF2B5EF4-FFF2-40B4-BE49-F238E27FC236}">
                <a16:creationId xmlns:a16="http://schemas.microsoft.com/office/drawing/2014/main" id="{02C4FDCA-64AD-4B14-B695-FF576F7B358C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729145" y="20913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am</a:t>
            </a:r>
            <a:endParaRPr kumimoji="0" lang="en-US" sz="1200" b="0" i="0" u="none" strike="noStrike" kern="1200" cap="none" spc="-16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8" name="OTLSHAPE_SLT_1146cbae73244ae0a9f4e0329c4c93b2_Title">
            <a:extLst>
              <a:ext uri="{FF2B5EF4-FFF2-40B4-BE49-F238E27FC236}">
                <a16:creationId xmlns:a16="http://schemas.microsoft.com/office/drawing/2014/main" id="{1B7E00C6-822E-44E0-87BA-916046F7B968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8758918" y="3750140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ob P37</a:t>
            </a:r>
          </a:p>
        </p:txBody>
      </p:sp>
      <p:sp>
        <p:nvSpPr>
          <p:cNvPr id="117" name="OTLSHAPE_TB_00000000000000000000000000000000_TimescaleInterval8">
            <a:extLst>
              <a:ext uri="{FF2B5EF4-FFF2-40B4-BE49-F238E27FC236}">
                <a16:creationId xmlns:a16="http://schemas.microsoft.com/office/drawing/2014/main" id="{6BAAA586-B3D6-43AF-8D49-B896B2C58F3C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605948" y="20913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 pm</a:t>
            </a:r>
          </a:p>
        </p:txBody>
      </p:sp>
      <p:sp>
        <p:nvSpPr>
          <p:cNvPr id="121" name="OTLSHAPE_TB_00000000000000000000000000000000_TimescaleInterval9">
            <a:extLst>
              <a:ext uri="{FF2B5EF4-FFF2-40B4-BE49-F238E27FC236}">
                <a16:creationId xmlns:a16="http://schemas.microsoft.com/office/drawing/2014/main" id="{B0EF5049-3697-424A-B3CD-65D3F5558FA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9482753" y="2091373"/>
            <a:ext cx="3173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 pm</a:t>
            </a:r>
          </a:p>
        </p:txBody>
      </p:sp>
      <p:sp>
        <p:nvSpPr>
          <p:cNvPr id="125" name="OTLSHAPE_TB_00000000000000000000000000000000_TimescaleInterval10">
            <a:extLst>
              <a:ext uri="{FF2B5EF4-FFF2-40B4-BE49-F238E27FC236}">
                <a16:creationId xmlns:a16="http://schemas.microsoft.com/office/drawing/2014/main" id="{F528CFB8-1C81-4E14-8C67-686D8C1BCBF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0359558" y="2091373"/>
            <a:ext cx="3173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 pm</a:t>
            </a:r>
          </a:p>
        </p:txBody>
      </p:sp>
      <p:sp>
        <p:nvSpPr>
          <p:cNvPr id="140" name="OTLSHAPE_TB_00000000000000000000000000000000_ScaleMarking2">
            <a:extLst>
              <a:ext uri="{FF2B5EF4-FFF2-40B4-BE49-F238E27FC236}">
                <a16:creationId xmlns:a16="http://schemas.microsoft.com/office/drawing/2014/main" id="{7DE216F1-DF1B-4DB9-A0FF-338F23A2516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852340" y="1871345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y 2</a:t>
            </a:r>
          </a:p>
        </p:txBody>
      </p:sp>
      <p:sp>
        <p:nvSpPr>
          <p:cNvPr id="157" name="OTLSHAPE_SLT_84a4970e52a6454387337146a8bf522f_Title">
            <a:extLst>
              <a:ext uri="{FF2B5EF4-FFF2-40B4-BE49-F238E27FC236}">
                <a16:creationId xmlns:a16="http://schemas.microsoft.com/office/drawing/2014/main" id="{3AF124A0-D156-4A4E-A68D-F67DEC48206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484497" y="4931240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ob P38</a:t>
            </a:r>
          </a:p>
        </p:txBody>
      </p:sp>
      <p:sp>
        <p:nvSpPr>
          <p:cNvPr id="180" name="OTLSHAPE_SLT_4a834755689942aba0437e56f24c7e9d_Title">
            <a:extLst>
              <a:ext uri="{FF2B5EF4-FFF2-40B4-BE49-F238E27FC236}">
                <a16:creationId xmlns:a16="http://schemas.microsoft.com/office/drawing/2014/main" id="{6FDE8542-03AB-4901-8615-85EAC717D43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374896" y="2569041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ob P34</a:t>
            </a:r>
          </a:p>
        </p:txBody>
      </p:sp>
      <p:sp>
        <p:nvSpPr>
          <p:cNvPr id="188" name="OTLSHAPE_SLT_a79dce9ae10d4f829c2300218b7e3c27_Title">
            <a:extLst>
              <a:ext uri="{FF2B5EF4-FFF2-40B4-BE49-F238E27FC236}">
                <a16:creationId xmlns:a16="http://schemas.microsoft.com/office/drawing/2014/main" id="{B8AD70D2-9CB3-46BA-BD95-642AC895DDFD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758918" y="2569041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ob P35</a:t>
            </a:r>
          </a:p>
        </p:txBody>
      </p:sp>
      <p:sp>
        <p:nvSpPr>
          <p:cNvPr id="196" name="OTLSHAPE_SLT_493a7a0e96be4ee7b6957a65182f9f83_Title">
            <a:extLst>
              <a:ext uri="{FF2B5EF4-FFF2-40B4-BE49-F238E27FC236}">
                <a16:creationId xmlns:a16="http://schemas.microsoft.com/office/drawing/2014/main" id="{4E558D97-832B-43DB-815E-935966EC245C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374896" y="3750140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ob P36</a:t>
            </a:r>
          </a:p>
        </p:txBody>
      </p:sp>
      <p:sp>
        <p:nvSpPr>
          <p:cNvPr id="198" name="OTLSHAPE_SLT_3b1bfb988e1245b4ad5963d799663daf_Title">
            <a:extLst>
              <a:ext uri="{FF2B5EF4-FFF2-40B4-BE49-F238E27FC236}">
                <a16:creationId xmlns:a16="http://schemas.microsoft.com/office/drawing/2014/main" id="{0C57E6AF-F412-498D-8C33-496702235957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539908" y="4029540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ob C26</a:t>
            </a:r>
          </a:p>
        </p:txBody>
      </p:sp>
      <p:sp>
        <p:nvSpPr>
          <p:cNvPr id="206" name="OTLSHAPE_SLT_2038a61d4eae440d8cc59c537ae70f58_Title">
            <a:extLst>
              <a:ext uri="{FF2B5EF4-FFF2-40B4-BE49-F238E27FC236}">
                <a16:creationId xmlns:a16="http://schemas.microsoft.com/office/drawing/2014/main" id="{7C889896-505F-4D23-A625-8F51E8CE93E8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813489" y="2848441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ob C25</a:t>
            </a:r>
          </a:p>
        </p:txBody>
      </p:sp>
      <p:sp>
        <p:nvSpPr>
          <p:cNvPr id="214" name="OTLSHAPE_SLT_ea04951b789a4ef6b11dd7c628044f79_Title">
            <a:extLst>
              <a:ext uri="{FF2B5EF4-FFF2-40B4-BE49-F238E27FC236}">
                <a16:creationId xmlns:a16="http://schemas.microsoft.com/office/drawing/2014/main" id="{D081BAA2-FE1F-488F-A796-366AD6605786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142290" y="5210640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ob C27</a:t>
            </a:r>
          </a:p>
        </p:txBody>
      </p:sp>
      <p:sp>
        <p:nvSpPr>
          <p:cNvPr id="129" name="OTLSHAPE_SLT_40182e2e0d6a482195d1f9524c5ad675_Title">
            <a:extLst>
              <a:ext uri="{FF2B5EF4-FFF2-40B4-BE49-F238E27FC236}">
                <a16:creationId xmlns:a16="http://schemas.microsoft.com/office/drawing/2014/main" id="{C0A46B22-C494-4137-A5F6-5D6E6603856B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7441722" y="54900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ob B15</a:t>
            </a:r>
            <a:endParaRPr kumimoji="0" lang="en-US" sz="1100" b="1" i="0" u="none" strike="noStrike" kern="1200" cap="none" spc="-8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9" name="OTLSHAPE_SLT_3a26f6929be44ca498e2e6f90061f92d_Title">
            <a:extLst>
              <a:ext uri="{FF2B5EF4-FFF2-40B4-BE49-F238E27FC236}">
                <a16:creationId xmlns:a16="http://schemas.microsoft.com/office/drawing/2014/main" id="{61B40993-7C53-4A62-8E1A-1C6BB81094BB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5742913" y="43089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ob B14</a:t>
            </a:r>
          </a:p>
        </p:txBody>
      </p:sp>
      <p:sp>
        <p:nvSpPr>
          <p:cNvPr id="162" name="OTLSHAPE_SLT_98688a147f0541a692d7c0165b430598_Title">
            <a:extLst>
              <a:ext uri="{FF2B5EF4-FFF2-40B4-BE49-F238E27FC236}">
                <a16:creationId xmlns:a16="http://schemas.microsoft.com/office/drawing/2014/main" id="{39457319-DBEB-45FB-BDA0-597376FB4E3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9031651" y="5769440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ob L10</a:t>
            </a:r>
            <a:endParaRPr kumimoji="0" lang="en-US" sz="1100" b="1" i="0" u="none" strike="noStrike" kern="1200" cap="none" spc="-8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4" name="OTLSHAPE_SLT_7bbe49aa98f1411c86b391adde38bf35_Title">
            <a:extLst>
              <a:ext uri="{FF2B5EF4-FFF2-40B4-BE49-F238E27FC236}">
                <a16:creationId xmlns:a16="http://schemas.microsoft.com/office/drawing/2014/main" id="{67A1B1C5-6AA9-4C0B-A380-9062DDE3B2E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5742913" y="3127841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ob B13</a:t>
            </a:r>
          </a:p>
        </p:txBody>
      </p:sp>
      <p:sp>
        <p:nvSpPr>
          <p:cNvPr id="242" name="OTLSHAPE_SLT_aa1e36470487413ab3f480994828d7de_Title">
            <a:extLst>
              <a:ext uri="{FF2B5EF4-FFF2-40B4-BE49-F238E27FC236}">
                <a16:creationId xmlns:a16="http://schemas.microsoft.com/office/drawing/2014/main" id="{207681E1-7F87-4036-B68D-05CC5A4122C6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5086031" y="3407240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ob L08</a:t>
            </a:r>
          </a:p>
        </p:txBody>
      </p:sp>
      <p:sp>
        <p:nvSpPr>
          <p:cNvPr id="250" name="OTLSHAPE_SLT_829ac61fcfbd4320adcc5e3ceaf2df63_Title">
            <a:extLst>
              <a:ext uri="{FF2B5EF4-FFF2-40B4-BE49-F238E27FC236}">
                <a16:creationId xmlns:a16="http://schemas.microsoft.com/office/drawing/2014/main" id="{250B79DF-3A29-4250-8AE6-6540E521DEEC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154846" y="4588340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ob L09</a:t>
            </a:r>
          </a:p>
        </p:txBody>
      </p:sp>
      <p:sp>
        <p:nvSpPr>
          <p:cNvPr id="258" name="OTLSHAPE_SLT_46d02c4a57c84e6898e07bc78f8bf1a5_Title">
            <a:extLst>
              <a:ext uri="{FF2B5EF4-FFF2-40B4-BE49-F238E27FC236}">
                <a16:creationId xmlns:a16="http://schemas.microsoft.com/office/drawing/2014/main" id="{6D4457C5-914C-4487-BEFE-1577A5E27DDA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8320516" y="4931240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ob P39</a:t>
            </a:r>
            <a:endParaRPr kumimoji="0" lang="en-US" sz="1100" b="1" i="0" u="none" strike="noStrike" kern="1200" cap="none" spc="-8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57" name="OTLSHAPE_TB_00000000000000000000000000000000_Separator1">
            <a:extLst>
              <a:ext uri="{FF2B5EF4-FFF2-40B4-BE49-F238E27FC236}">
                <a16:creationId xmlns:a16="http://schemas.microsoft.com/office/drawing/2014/main" id="{7C869AC8-AA7D-4779-87D3-E5B5EEFD3520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3281500" y="2057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TB_00000000000000000000000000000000_MinorTickMarkAbove1">
            <a:extLst>
              <a:ext uri="{FF2B5EF4-FFF2-40B4-BE49-F238E27FC236}">
                <a16:creationId xmlns:a16="http://schemas.microsoft.com/office/drawing/2014/main" id="{C9DAFA83-33D6-4B03-BC81-E212B1806147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2843159" y="2057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TB_00000000000000000000000000000000_MinorTickMarkBelow1">
            <a:extLst>
              <a:ext uri="{FF2B5EF4-FFF2-40B4-BE49-F238E27FC236}">
                <a16:creationId xmlns:a16="http://schemas.microsoft.com/office/drawing/2014/main" id="{54FC652C-350C-423D-8FE5-91B14B9855E0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2843159" y="2279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TB_00000000000000000000000000000000_Separator2">
            <a:extLst>
              <a:ext uri="{FF2B5EF4-FFF2-40B4-BE49-F238E27FC236}">
                <a16:creationId xmlns:a16="http://schemas.microsoft.com/office/drawing/2014/main" id="{39FC656D-5077-491A-A415-7ECB66120FE5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4158305" y="2057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B_00000000000000000000000000000000_MinorTickMarkAbove2">
            <a:extLst>
              <a:ext uri="{FF2B5EF4-FFF2-40B4-BE49-F238E27FC236}">
                <a16:creationId xmlns:a16="http://schemas.microsoft.com/office/drawing/2014/main" id="{CB8D8097-CBBA-4C9D-8BAE-015B81187F63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3719963" y="2057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B_00000000000000000000000000000000_MinorTickMarkBelow2">
            <a:extLst>
              <a:ext uri="{FF2B5EF4-FFF2-40B4-BE49-F238E27FC236}">
                <a16:creationId xmlns:a16="http://schemas.microsoft.com/office/drawing/2014/main" id="{CFA1D0DC-6B89-4515-A5A4-B12F91D838D6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3719963" y="2279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TB_00000000000000000000000000000000_Separator3">
            <a:extLst>
              <a:ext uri="{FF2B5EF4-FFF2-40B4-BE49-F238E27FC236}">
                <a16:creationId xmlns:a16="http://schemas.microsoft.com/office/drawing/2014/main" id="{27B4E903-EC75-4250-9AF5-9B34CC198D3C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5035109" y="2057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TB_00000000000000000000000000000000_MinorTickMarkAbove3">
            <a:extLst>
              <a:ext uri="{FF2B5EF4-FFF2-40B4-BE49-F238E27FC236}">
                <a16:creationId xmlns:a16="http://schemas.microsoft.com/office/drawing/2014/main" id="{FF9B94E4-0686-414E-A1F8-E5EA49B58A9E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4596768" y="2057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TB_00000000000000000000000000000000_MinorTickMarkBelow3">
            <a:extLst>
              <a:ext uri="{FF2B5EF4-FFF2-40B4-BE49-F238E27FC236}">
                <a16:creationId xmlns:a16="http://schemas.microsoft.com/office/drawing/2014/main" id="{4E333583-8712-4BF4-B5B1-CA8CCC66BA32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4596768" y="2279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B_00000000000000000000000000000000_Separator4">
            <a:extLst>
              <a:ext uri="{FF2B5EF4-FFF2-40B4-BE49-F238E27FC236}">
                <a16:creationId xmlns:a16="http://schemas.microsoft.com/office/drawing/2014/main" id="{72484AB9-B327-4467-A633-E5C336100C96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5911914" y="2057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B_00000000000000000000000000000000_MinorTickMarkAbove4">
            <a:extLst>
              <a:ext uri="{FF2B5EF4-FFF2-40B4-BE49-F238E27FC236}">
                <a16:creationId xmlns:a16="http://schemas.microsoft.com/office/drawing/2014/main" id="{485472D2-AEE4-42DA-93F5-981A8AD6738E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5473572" y="2057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TB_00000000000000000000000000000000_MinorTickMarkBelow4">
            <a:extLst>
              <a:ext uri="{FF2B5EF4-FFF2-40B4-BE49-F238E27FC236}">
                <a16:creationId xmlns:a16="http://schemas.microsoft.com/office/drawing/2014/main" id="{24A87468-A714-4EA8-9447-5552601658E4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5473572" y="2279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TB_00000000000000000000000000000000_Separator5">
            <a:extLst>
              <a:ext uri="{FF2B5EF4-FFF2-40B4-BE49-F238E27FC236}">
                <a16:creationId xmlns:a16="http://schemas.microsoft.com/office/drawing/2014/main" id="{D11C2F0B-095C-490F-8AB1-28C45EC5A2A6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6788840" y="2057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TB_00000000000000000000000000000000_MinorTickMarkAbove5">
            <a:extLst>
              <a:ext uri="{FF2B5EF4-FFF2-40B4-BE49-F238E27FC236}">
                <a16:creationId xmlns:a16="http://schemas.microsoft.com/office/drawing/2014/main" id="{3A997B9D-AC7F-4AAB-8395-7397B99E4112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6350438" y="2057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MinorTickMarkBelow5">
            <a:extLst>
              <a:ext uri="{FF2B5EF4-FFF2-40B4-BE49-F238E27FC236}">
                <a16:creationId xmlns:a16="http://schemas.microsoft.com/office/drawing/2014/main" id="{C4592FEB-78AC-4FF4-ABFA-8E9C04E4E0FB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6350438" y="2279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Separator6">
            <a:extLst>
              <a:ext uri="{FF2B5EF4-FFF2-40B4-BE49-F238E27FC236}">
                <a16:creationId xmlns:a16="http://schemas.microsoft.com/office/drawing/2014/main" id="{CDFD4412-EFC8-4EF9-87B7-BC3E94F05689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7665523" y="2057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MinorTickMarkAbove6">
            <a:extLst>
              <a:ext uri="{FF2B5EF4-FFF2-40B4-BE49-F238E27FC236}">
                <a16:creationId xmlns:a16="http://schemas.microsoft.com/office/drawing/2014/main" id="{1B8F5782-5C32-4B3E-BECF-74E3D1CFD015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7227181" y="2057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MinorTickMarkBelow6">
            <a:extLst>
              <a:ext uri="{FF2B5EF4-FFF2-40B4-BE49-F238E27FC236}">
                <a16:creationId xmlns:a16="http://schemas.microsoft.com/office/drawing/2014/main" id="{4C2726AA-70B3-401E-94C6-A66FA5477134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7227181" y="2279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MinorTickMarkAbove7">
            <a:extLst>
              <a:ext uri="{FF2B5EF4-FFF2-40B4-BE49-F238E27FC236}">
                <a16:creationId xmlns:a16="http://schemas.microsoft.com/office/drawing/2014/main" id="{8E6D7155-4686-4E58-969C-2BE0D9DCD18C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8103986" y="2057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B_00000000000000000000000000000000_MinorTickMarkBelow7">
            <a:extLst>
              <a:ext uri="{FF2B5EF4-FFF2-40B4-BE49-F238E27FC236}">
                <a16:creationId xmlns:a16="http://schemas.microsoft.com/office/drawing/2014/main" id="{AB608F1D-F5D1-49DC-894D-77DF7A0D8E49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8103986" y="2279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TB_00000000000000000000000000000000_Separator7">
            <a:extLst>
              <a:ext uri="{FF2B5EF4-FFF2-40B4-BE49-F238E27FC236}">
                <a16:creationId xmlns:a16="http://schemas.microsoft.com/office/drawing/2014/main" id="{AC1A77F5-39A7-45CD-AC39-A55EC2AE3683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8542327" y="2057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TB_00000000000000000000000000000000_Separator8">
            <a:extLst>
              <a:ext uri="{FF2B5EF4-FFF2-40B4-BE49-F238E27FC236}">
                <a16:creationId xmlns:a16="http://schemas.microsoft.com/office/drawing/2014/main" id="{E1EF0026-8F29-4397-ACDB-3D669C276032}"/>
              </a:ext>
            </a:extLst>
          </p:cNvPr>
          <p:cNvCxnSpPr/>
          <p:nvPr>
            <p:custDataLst>
              <p:tags r:id="rId126"/>
            </p:custDataLst>
          </p:nvPr>
        </p:nvCxnSpPr>
        <p:spPr>
          <a:xfrm>
            <a:off x="9419131" y="2057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TB_00000000000000000000000000000000_MinorTickMarkAbove8">
            <a:extLst>
              <a:ext uri="{FF2B5EF4-FFF2-40B4-BE49-F238E27FC236}">
                <a16:creationId xmlns:a16="http://schemas.microsoft.com/office/drawing/2014/main" id="{67C2E696-C949-4ADB-AAF0-0F04A10CCE3B}"/>
              </a:ext>
            </a:extLst>
          </p:cNvPr>
          <p:cNvCxnSpPr/>
          <p:nvPr>
            <p:custDataLst>
              <p:tags r:id="rId127"/>
            </p:custDataLst>
          </p:nvPr>
        </p:nvCxnSpPr>
        <p:spPr>
          <a:xfrm>
            <a:off x="8980790" y="2057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TB_00000000000000000000000000000000_MinorTickMarkBelow8">
            <a:extLst>
              <a:ext uri="{FF2B5EF4-FFF2-40B4-BE49-F238E27FC236}">
                <a16:creationId xmlns:a16="http://schemas.microsoft.com/office/drawing/2014/main" id="{058039B5-32ED-4021-94C4-085BBD1CDC75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8980790" y="2279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TB_00000000000000000000000000000000_Separator9">
            <a:extLst>
              <a:ext uri="{FF2B5EF4-FFF2-40B4-BE49-F238E27FC236}">
                <a16:creationId xmlns:a16="http://schemas.microsoft.com/office/drawing/2014/main" id="{D15D3DC5-D0C5-4085-93D1-16EE852C0968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10295936" y="2057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OTLSHAPE_TB_00000000000000000000000000000000_MinorTickMarkAbove9">
            <a:extLst>
              <a:ext uri="{FF2B5EF4-FFF2-40B4-BE49-F238E27FC236}">
                <a16:creationId xmlns:a16="http://schemas.microsoft.com/office/drawing/2014/main" id="{C0478E7D-EC4D-4143-9B9A-707158ABB6E2}"/>
              </a:ext>
            </a:extLst>
          </p:cNvPr>
          <p:cNvCxnSpPr/>
          <p:nvPr>
            <p:custDataLst>
              <p:tags r:id="rId130"/>
            </p:custDataLst>
          </p:nvPr>
        </p:nvCxnSpPr>
        <p:spPr>
          <a:xfrm>
            <a:off x="9857594" y="2057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B_00000000000000000000000000000000_MinorTickMarkBelow9">
            <a:extLst>
              <a:ext uri="{FF2B5EF4-FFF2-40B4-BE49-F238E27FC236}">
                <a16:creationId xmlns:a16="http://schemas.microsoft.com/office/drawing/2014/main" id="{9A1FAB8E-3329-4465-A295-32950829925E}"/>
              </a:ext>
            </a:extLst>
          </p:cNvPr>
          <p:cNvCxnSpPr/>
          <p:nvPr>
            <p:custDataLst>
              <p:tags r:id="rId131"/>
            </p:custDataLst>
          </p:nvPr>
        </p:nvCxnSpPr>
        <p:spPr>
          <a:xfrm>
            <a:off x="9857594" y="2279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TB_00000000000000000000000000000000_MinorTickMarkAbove10">
            <a:extLst>
              <a:ext uri="{FF2B5EF4-FFF2-40B4-BE49-F238E27FC236}">
                <a16:creationId xmlns:a16="http://schemas.microsoft.com/office/drawing/2014/main" id="{4FAC4105-7F7C-43B2-A72E-BCCED54A606F}"/>
              </a:ext>
            </a:extLst>
          </p:cNvPr>
          <p:cNvCxnSpPr/>
          <p:nvPr>
            <p:custDataLst>
              <p:tags r:id="rId132"/>
            </p:custDataLst>
          </p:nvPr>
        </p:nvCxnSpPr>
        <p:spPr>
          <a:xfrm>
            <a:off x="10734460" y="2057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" name="OTLSHAPE_TB_00000000000000000000000000000000_MinorTickMarkBelow10">
            <a:extLst>
              <a:ext uri="{FF2B5EF4-FFF2-40B4-BE49-F238E27FC236}">
                <a16:creationId xmlns:a16="http://schemas.microsoft.com/office/drawing/2014/main" id="{4AB627ED-C2ED-4653-9AFA-B4D97B868934}"/>
              </a:ext>
            </a:extLst>
          </p:cNvPr>
          <p:cNvCxnSpPr/>
          <p:nvPr>
            <p:custDataLst>
              <p:tags r:id="rId133"/>
            </p:custDataLst>
          </p:nvPr>
        </p:nvCxnSpPr>
        <p:spPr>
          <a:xfrm>
            <a:off x="10734460" y="2279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9" name="TextBox 258">
            <a:extLst>
              <a:ext uri="{FF2B5EF4-FFF2-40B4-BE49-F238E27FC236}">
                <a16:creationId xmlns:a16="http://schemas.microsoft.com/office/drawing/2014/main" id="{A7A4D3E6-B0D2-42C1-935C-8DBDAF0968D8}"/>
              </a:ext>
            </a:extLst>
          </p:cNvPr>
          <p:cNvSpPr txBox="1"/>
          <p:nvPr/>
        </p:nvSpPr>
        <p:spPr>
          <a:xfrm>
            <a:off x="1343534" y="762149"/>
            <a:ext cx="801719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quipment hourly schedule</a:t>
            </a:r>
          </a:p>
        </p:txBody>
      </p:sp>
      <p:grpSp>
        <p:nvGrpSpPr>
          <p:cNvPr id="260" name="Group 259">
            <a:extLst>
              <a:ext uri="{FF2B5EF4-FFF2-40B4-BE49-F238E27FC236}">
                <a16:creationId xmlns:a16="http://schemas.microsoft.com/office/drawing/2014/main" id="{FD0DF1A8-EF20-4278-86C6-05AE2F391BEA}"/>
              </a:ext>
            </a:extLst>
          </p:cNvPr>
          <p:cNvGrpSpPr/>
          <p:nvPr/>
        </p:nvGrpSpPr>
        <p:grpSpPr>
          <a:xfrm>
            <a:off x="11267183" y="3772339"/>
            <a:ext cx="276999" cy="2332381"/>
            <a:chOff x="11446296" y="4100169"/>
            <a:chExt cx="276999" cy="2332381"/>
          </a:xfrm>
        </p:grpSpPr>
        <p:pic>
          <p:nvPicPr>
            <p:cNvPr id="261" name="Picture 260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2E3EAF59-7711-482C-80A4-CDEDF692C77A}"/>
                </a:ext>
              </a:extLst>
            </p:cNvPr>
            <p:cNvPicPr>
              <a:picLocks noChangeAspect="1"/>
            </p:cNvPicPr>
            <p:nvPr/>
          </p:nvPicPr>
          <p:blipFill>
            <a:blip r:embed="rId13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262" name="TextBox 261">
              <a:extLst>
                <a:ext uri="{FF2B5EF4-FFF2-40B4-BE49-F238E27FC236}">
                  <a16:creationId xmlns:a16="http://schemas.microsoft.com/office/drawing/2014/main" id="{3DAD2AA3-4B88-4CC9-88B5-8275FD6697FB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2475408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9" name="OTLSHAPE_SL2A_635157bd9cf04aefa227d3777ec08149_BackgroundRectangle">
            <a:extLst>
              <a:ext uri="{FF2B5EF4-FFF2-40B4-BE49-F238E27FC236}">
                <a16:creationId xmlns:a16="http://schemas.microsoft.com/office/drawing/2014/main" id="{8861D337-8E81-4996-92BB-7ED8C14F920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171402" y="2696125"/>
            <a:ext cx="10185400" cy="3556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2" name="OTLSHAPE_SL2A_8539b848693b472cbe9eada7932de721_BackgroundRectangle">
            <a:extLst>
              <a:ext uri="{FF2B5EF4-FFF2-40B4-BE49-F238E27FC236}">
                <a16:creationId xmlns:a16="http://schemas.microsoft.com/office/drawing/2014/main" id="{4919F081-CD0B-4209-B109-8E0294AC3D19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171402" y="3051725"/>
            <a:ext cx="10185400" cy="3556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1" name="OTLSHAPE_SL2A_6a080a1c5c1e40ac9d48b6a4a4bd9f7b_BackgroundRectangle">
            <a:extLst>
              <a:ext uri="{FF2B5EF4-FFF2-40B4-BE49-F238E27FC236}">
                <a16:creationId xmlns:a16="http://schemas.microsoft.com/office/drawing/2014/main" id="{E08BFE2E-E3EF-4BC4-8FFA-8B9003C8ABF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71402" y="3470825"/>
            <a:ext cx="10185400" cy="3556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4" name="OTLSHAPE_SL2A_25f3449a476c469c8aa76e0317172720_BackgroundRectangle">
            <a:extLst>
              <a:ext uri="{FF2B5EF4-FFF2-40B4-BE49-F238E27FC236}">
                <a16:creationId xmlns:a16="http://schemas.microsoft.com/office/drawing/2014/main" id="{F3C9829F-1CA8-494E-8FDA-8BF7B9E732BB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71402" y="3826425"/>
            <a:ext cx="10185400" cy="3556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7" name="OTLSHAPE_SL2A_1865784c31ee4e16b3ab7207819efb5d_BackgroundRectangle">
            <a:extLst>
              <a:ext uri="{FF2B5EF4-FFF2-40B4-BE49-F238E27FC236}">
                <a16:creationId xmlns:a16="http://schemas.microsoft.com/office/drawing/2014/main" id="{FAAE480E-6C50-46A2-853D-70F3F3C3F5A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71402" y="4182025"/>
            <a:ext cx="10185400" cy="3556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0" name="OTLSHAPE_SL2A_ec97b529c623431195b157fcffcad1a2_BackgroundRectangle">
            <a:extLst>
              <a:ext uri="{FF2B5EF4-FFF2-40B4-BE49-F238E27FC236}">
                <a16:creationId xmlns:a16="http://schemas.microsoft.com/office/drawing/2014/main" id="{EDCEE966-ECA8-434D-B466-5D0F8E053DA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171402" y="4601125"/>
            <a:ext cx="10185400" cy="355600"/>
          </a:xfrm>
          <a:prstGeom prst="rect">
            <a:avLst/>
          </a:prstGeom>
          <a:solidFill>
            <a:schemeClr val="accent2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" name="OTLSHAPE_SL2A_56351a7f3c244d929f3e4e83af6c21d4_BackgroundRectangle">
            <a:extLst>
              <a:ext uri="{FF2B5EF4-FFF2-40B4-BE49-F238E27FC236}">
                <a16:creationId xmlns:a16="http://schemas.microsoft.com/office/drawing/2014/main" id="{9DD4105D-920D-4C96-BE16-0730383C14E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171402" y="4956725"/>
            <a:ext cx="10185400" cy="355600"/>
          </a:xfrm>
          <a:prstGeom prst="rect">
            <a:avLst/>
          </a:prstGeom>
          <a:solidFill>
            <a:schemeClr val="accent2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6" name="OTLSHAPE_SL2A_1e82013b09d646eba4645c81fe3b400e_BackgroundRectangle">
            <a:extLst>
              <a:ext uri="{FF2B5EF4-FFF2-40B4-BE49-F238E27FC236}">
                <a16:creationId xmlns:a16="http://schemas.microsoft.com/office/drawing/2014/main" id="{3D0275D2-BB41-41BD-88CD-2530C328FC6F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71402" y="5375825"/>
            <a:ext cx="10185400" cy="355600"/>
          </a:xfrm>
          <a:prstGeom prst="rect">
            <a:avLst/>
          </a:prstGeom>
          <a:solidFill>
            <a:schemeClr val="accent4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2A_93f04c33d093476ab6e489393ab7f8f5_BackgroundRectangle">
            <a:extLst>
              <a:ext uri="{FF2B5EF4-FFF2-40B4-BE49-F238E27FC236}">
                <a16:creationId xmlns:a16="http://schemas.microsoft.com/office/drawing/2014/main" id="{0C605F36-5002-49A4-8604-52DE6E916EE6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171402" y="5731425"/>
            <a:ext cx="10185400" cy="355600"/>
          </a:xfrm>
          <a:prstGeom prst="rect">
            <a:avLst/>
          </a:prstGeom>
          <a:solidFill>
            <a:schemeClr val="accent4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9" name="OTLSHAPE_SL2A_5d0f6bdf26e643aea87ccaeb65174d44_BackgroundRectangle">
            <a:extLst>
              <a:ext uri="{FF2B5EF4-FFF2-40B4-BE49-F238E27FC236}">
                <a16:creationId xmlns:a16="http://schemas.microsoft.com/office/drawing/2014/main" id="{4E3FCD7B-0227-4A19-B697-2C696432D7A6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171402" y="2353225"/>
            <a:ext cx="10185400" cy="279400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10" name="OTLSHAPE_SL2AL_00000000000000000000000000000000_ShapeBelow0">
            <a:extLst>
              <a:ext uri="{FF2B5EF4-FFF2-40B4-BE49-F238E27FC236}">
                <a16:creationId xmlns:a16="http://schemas.microsoft.com/office/drawing/2014/main" id="{53794162-D4A3-49C1-969D-D09B097D0F5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171402" y="3051725"/>
            <a:ext cx="10176133" cy="0"/>
          </a:xfrm>
          <a:prstGeom prst="line">
            <a:avLst/>
          </a:prstGeom>
          <a:ln w="9525" cap="flat" cmpd="sng" algn="ctr">
            <a:solidFill>
              <a:srgbClr val="629DD1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SL2AL_00000000000000000000000000000000_ShapeBelow1">
            <a:extLst>
              <a:ext uri="{FF2B5EF4-FFF2-40B4-BE49-F238E27FC236}">
                <a16:creationId xmlns:a16="http://schemas.microsoft.com/office/drawing/2014/main" id="{5708D05D-CAA2-4B8A-B4E4-552A4CEA5C25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171402" y="3826425"/>
            <a:ext cx="10176133" cy="0"/>
          </a:xfrm>
          <a:prstGeom prst="line">
            <a:avLst/>
          </a:prstGeom>
          <a:ln w="9525" cap="flat" cmpd="sng" algn="ctr">
            <a:solidFill>
              <a:srgbClr val="629DD1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SL2AL_00000000000000000000000000000000_ShapeBelow2">
            <a:extLst>
              <a:ext uri="{FF2B5EF4-FFF2-40B4-BE49-F238E27FC236}">
                <a16:creationId xmlns:a16="http://schemas.microsoft.com/office/drawing/2014/main" id="{6B88EA54-A3F7-4F60-8DD8-AB189D3311AC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171402" y="4182025"/>
            <a:ext cx="10176133" cy="0"/>
          </a:xfrm>
          <a:prstGeom prst="line">
            <a:avLst/>
          </a:prstGeom>
          <a:ln w="9525" cap="flat" cmpd="sng" algn="ctr">
            <a:solidFill>
              <a:srgbClr val="629DD1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SL2AL_00000000000000000000000000000000_ShapeBelow3">
            <a:extLst>
              <a:ext uri="{FF2B5EF4-FFF2-40B4-BE49-F238E27FC236}">
                <a16:creationId xmlns:a16="http://schemas.microsoft.com/office/drawing/2014/main" id="{9028C77D-A6EE-4545-9960-42300905BA70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1171402" y="4956725"/>
            <a:ext cx="10176133" cy="0"/>
          </a:xfrm>
          <a:prstGeom prst="line">
            <a:avLst/>
          </a:prstGeom>
          <a:ln w="9525" cap="flat" cmpd="sng" algn="ctr">
            <a:solidFill>
              <a:srgbClr val="629DD1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SL2AL_00000000000000000000000000000000_ShapeBelow4">
            <a:extLst>
              <a:ext uri="{FF2B5EF4-FFF2-40B4-BE49-F238E27FC236}">
                <a16:creationId xmlns:a16="http://schemas.microsoft.com/office/drawing/2014/main" id="{99DC7172-3D09-4846-9428-8FD8BCA7A918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171402" y="5731425"/>
            <a:ext cx="10176133" cy="0"/>
          </a:xfrm>
          <a:prstGeom prst="line">
            <a:avLst/>
          </a:prstGeom>
          <a:ln w="9525" cap="flat" cmpd="sng" algn="ctr">
            <a:solidFill>
              <a:srgbClr val="629DD1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OTLSHAPE_TB_00000000000000000000000000000000_ScaleContainer">
            <a:extLst>
              <a:ext uri="{FF2B5EF4-FFF2-40B4-BE49-F238E27FC236}">
                <a16:creationId xmlns:a16="http://schemas.microsoft.com/office/drawing/2014/main" id="{A727F434-E8D3-4C55-B53C-2FF7915484F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268076" y="1765977"/>
            <a:ext cx="9080500" cy="182880"/>
          </a:xfrm>
          <a:prstGeom prst="round2Same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" name="OTLSHAPE_SL_c48e84fb79d841fcb3762943084aed99_HeaderRectangle">
            <a:extLst>
              <a:ext uri="{FF2B5EF4-FFF2-40B4-BE49-F238E27FC236}">
                <a16:creationId xmlns:a16="http://schemas.microsoft.com/office/drawing/2014/main" id="{1FE60D4C-DAFB-4A26-B5FF-8797DC403EF4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2353225"/>
            <a:ext cx="1117600" cy="2794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" name="OTLSHAPE_SL_a391c3e9dbb64bde890bc2d13eb8cdc0_HeaderRectangle">
            <a:extLst>
              <a:ext uri="{FF2B5EF4-FFF2-40B4-BE49-F238E27FC236}">
                <a16:creationId xmlns:a16="http://schemas.microsoft.com/office/drawing/2014/main" id="{4D21A21B-76ED-4422-9CF8-1B3E9BAEED88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2696125"/>
            <a:ext cx="1117600" cy="711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" name="OTLSHAPE_SL_7a6d58b644534dd7b774651f575c7407_HeaderRectangle">
            <a:extLst>
              <a:ext uri="{FF2B5EF4-FFF2-40B4-BE49-F238E27FC236}">
                <a16:creationId xmlns:a16="http://schemas.microsoft.com/office/drawing/2014/main" id="{87F5AF47-ECF2-47D6-9849-EF33275E6C01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3470825"/>
            <a:ext cx="1117600" cy="10668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" name="OTLSHAPE_SL_dc4e9fddea8b48cebd3e1fee73c9c406_HeaderRectangle">
            <a:extLst>
              <a:ext uri="{FF2B5EF4-FFF2-40B4-BE49-F238E27FC236}">
                <a16:creationId xmlns:a16="http://schemas.microsoft.com/office/drawing/2014/main" id="{6713E077-CCEA-4744-B651-E1663945D9F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4601125"/>
            <a:ext cx="1117600" cy="711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" name="OTLSHAPE_SL_fc0be2d525ac48dbad33ce3f9e561b9d_HeaderRectangle">
            <a:extLst>
              <a:ext uri="{FF2B5EF4-FFF2-40B4-BE49-F238E27FC236}">
                <a16:creationId xmlns:a16="http://schemas.microsoft.com/office/drawing/2014/main" id="{D7B36176-CF32-4461-904E-DBD911DC8C8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5375825"/>
            <a:ext cx="1117600" cy="711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7" name="OTLSHAPE_SL2A_635157bd9cf04aefa227d3777ec08149_HeaderRectangle">
            <a:extLst>
              <a:ext uri="{FF2B5EF4-FFF2-40B4-BE49-F238E27FC236}">
                <a16:creationId xmlns:a16="http://schemas.microsoft.com/office/drawing/2014/main" id="{58DC3457-856F-4421-8B3A-4920F2472544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171402" y="2696125"/>
            <a:ext cx="977900" cy="3556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" name="OTLSHAPE_SL2A_8539b848693b472cbe9eada7932de721_HeaderRectangle">
            <a:extLst>
              <a:ext uri="{FF2B5EF4-FFF2-40B4-BE49-F238E27FC236}">
                <a16:creationId xmlns:a16="http://schemas.microsoft.com/office/drawing/2014/main" id="{FC166B29-7547-41D0-87B1-2B970BA0442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171402" y="3051725"/>
            <a:ext cx="977900" cy="3556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9" name="OTLSHAPE_SL2A_6a080a1c5c1e40ac9d48b6a4a4bd9f7b_HeaderRectangle">
            <a:extLst>
              <a:ext uri="{FF2B5EF4-FFF2-40B4-BE49-F238E27FC236}">
                <a16:creationId xmlns:a16="http://schemas.microsoft.com/office/drawing/2014/main" id="{56967DAF-E4D7-4ECE-AF76-1A3FA381BDE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171402" y="3470825"/>
            <a:ext cx="977900" cy="3556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" name="OTLSHAPE_SL2A_25f3449a476c469c8aa76e0317172720_HeaderRectangle">
            <a:extLst>
              <a:ext uri="{FF2B5EF4-FFF2-40B4-BE49-F238E27FC236}">
                <a16:creationId xmlns:a16="http://schemas.microsoft.com/office/drawing/2014/main" id="{7D965BDB-7C71-4C47-BDC2-A5636891BEC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171402" y="3826425"/>
            <a:ext cx="977900" cy="3556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5" name="OTLSHAPE_SL2A_1865784c31ee4e16b3ab7207819efb5d_HeaderRectangle">
            <a:extLst>
              <a:ext uri="{FF2B5EF4-FFF2-40B4-BE49-F238E27FC236}">
                <a16:creationId xmlns:a16="http://schemas.microsoft.com/office/drawing/2014/main" id="{903BB70F-AFE0-424B-B17D-0099AD1592D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171402" y="4182025"/>
            <a:ext cx="977900" cy="3556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8" name="OTLSHAPE_SL2A_ec97b529c623431195b157fcffcad1a2_HeaderRectangle">
            <a:extLst>
              <a:ext uri="{FF2B5EF4-FFF2-40B4-BE49-F238E27FC236}">
                <a16:creationId xmlns:a16="http://schemas.microsoft.com/office/drawing/2014/main" id="{A227D05F-F30E-416B-883D-DA0361CAD396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171402" y="4601125"/>
            <a:ext cx="977900" cy="3556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1" name="OTLSHAPE_SL2A_56351a7f3c244d929f3e4e83af6c21d4_HeaderRectangle">
            <a:extLst>
              <a:ext uri="{FF2B5EF4-FFF2-40B4-BE49-F238E27FC236}">
                <a16:creationId xmlns:a16="http://schemas.microsoft.com/office/drawing/2014/main" id="{4E557BB2-93B1-4B6A-9294-8BB0E6E52042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171402" y="4956725"/>
            <a:ext cx="977900" cy="3556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" name="OTLSHAPE_SL2A_1e82013b09d646eba4645c81fe3b400e_HeaderRectangle">
            <a:extLst>
              <a:ext uri="{FF2B5EF4-FFF2-40B4-BE49-F238E27FC236}">
                <a16:creationId xmlns:a16="http://schemas.microsoft.com/office/drawing/2014/main" id="{D45C1281-9C24-4D90-BE0F-D5053D8BB0D2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171402" y="5375825"/>
            <a:ext cx="977900" cy="355600"/>
          </a:xfrm>
          <a:prstGeom prst="rect">
            <a:avLst/>
          </a:prstGeom>
          <a:solidFill>
            <a:srgbClr val="1AAA4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OTLSHAPE_SL2A_93f04c33d093476ab6e489393ab7f8f5_HeaderRectangle">
            <a:extLst>
              <a:ext uri="{FF2B5EF4-FFF2-40B4-BE49-F238E27FC236}">
                <a16:creationId xmlns:a16="http://schemas.microsoft.com/office/drawing/2014/main" id="{A3B7990E-D87E-4E52-9877-34C27278410C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171402" y="5731425"/>
            <a:ext cx="977900" cy="355600"/>
          </a:xfrm>
          <a:prstGeom prst="rect">
            <a:avLst/>
          </a:prstGeom>
          <a:solidFill>
            <a:srgbClr val="1AAA4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6" name="OTLSHAPE_TB_00000000000000000000000000000000_MiddleScaleContainer">
            <a:extLst>
              <a:ext uri="{FF2B5EF4-FFF2-40B4-BE49-F238E27FC236}">
                <a16:creationId xmlns:a16="http://schemas.microsoft.com/office/drawing/2014/main" id="{9DF019EA-C4F2-4226-9F17-127A6EA41701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268076" y="1958001"/>
            <a:ext cx="9080500" cy="18288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7" name="OTLSHAPE_SL2A_5d0f6bdf26e643aea87ccaeb65174d44_HeaderRectangle">
            <a:extLst>
              <a:ext uri="{FF2B5EF4-FFF2-40B4-BE49-F238E27FC236}">
                <a16:creationId xmlns:a16="http://schemas.microsoft.com/office/drawing/2014/main" id="{83EA6A43-2C46-4103-AEB4-FA1D58C40991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171402" y="2353225"/>
            <a:ext cx="9779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46" name="OTLSHAPE_G_00000000000000000000000000000000_ShapeBelow0">
            <a:extLst>
              <a:ext uri="{FF2B5EF4-FFF2-40B4-BE49-F238E27FC236}">
                <a16:creationId xmlns:a16="http://schemas.microsoft.com/office/drawing/2014/main" id="{2368AF62-D77F-4C3C-B87B-6807D8FD7713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3039208" y="2150025"/>
            <a:ext cx="0" cy="3937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G_00000000000000000000000000000000_ShapeBelow1">
            <a:extLst>
              <a:ext uri="{FF2B5EF4-FFF2-40B4-BE49-F238E27FC236}">
                <a16:creationId xmlns:a16="http://schemas.microsoft.com/office/drawing/2014/main" id="{19B3C37C-527C-4F77-9490-E37C07E55F67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3735715" y="2150025"/>
            <a:ext cx="0" cy="3937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G_00000000000000000000000000000000_ShapeBelow2">
            <a:extLst>
              <a:ext uri="{FF2B5EF4-FFF2-40B4-BE49-F238E27FC236}">
                <a16:creationId xmlns:a16="http://schemas.microsoft.com/office/drawing/2014/main" id="{DFAA5AAF-6737-47CF-8168-076BE4AF31BD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4506847" y="2150025"/>
            <a:ext cx="0" cy="3937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G_00000000000000000000000000000000_ShapeBelow3">
            <a:extLst>
              <a:ext uri="{FF2B5EF4-FFF2-40B4-BE49-F238E27FC236}">
                <a16:creationId xmlns:a16="http://schemas.microsoft.com/office/drawing/2014/main" id="{AE04AFB5-CD4F-4631-A1E5-5CD3443F8412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5253103" y="2150025"/>
            <a:ext cx="0" cy="3937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G_00000000000000000000000000000000_ShapeBelow4">
            <a:extLst>
              <a:ext uri="{FF2B5EF4-FFF2-40B4-BE49-F238E27FC236}">
                <a16:creationId xmlns:a16="http://schemas.microsoft.com/office/drawing/2014/main" id="{E2B1DBA6-41B1-4E8E-81F5-2BA9900B944A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6024236" y="2150025"/>
            <a:ext cx="0" cy="3937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G_00000000000000000000000000000000_ShapeBelow5">
            <a:extLst>
              <a:ext uri="{FF2B5EF4-FFF2-40B4-BE49-F238E27FC236}">
                <a16:creationId xmlns:a16="http://schemas.microsoft.com/office/drawing/2014/main" id="{D3F9B413-59D5-44FA-91E5-A51F6FA0C08A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6770492" y="2150025"/>
            <a:ext cx="0" cy="3937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G_00000000000000000000000000000000_ShapeBelow6">
            <a:extLst>
              <a:ext uri="{FF2B5EF4-FFF2-40B4-BE49-F238E27FC236}">
                <a16:creationId xmlns:a16="http://schemas.microsoft.com/office/drawing/2014/main" id="{60054713-5902-4E5B-BDB8-6A084BC9ED01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7541625" y="2150025"/>
            <a:ext cx="0" cy="3937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G_00000000000000000000000000000000_ShapeBelow7">
            <a:extLst>
              <a:ext uri="{FF2B5EF4-FFF2-40B4-BE49-F238E27FC236}">
                <a16:creationId xmlns:a16="http://schemas.microsoft.com/office/drawing/2014/main" id="{07D88BB3-2120-4F72-B7CD-6582968FFEA0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8312757" y="2150025"/>
            <a:ext cx="0" cy="3937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G_00000000000000000000000000000000_ShapeBelow8">
            <a:extLst>
              <a:ext uri="{FF2B5EF4-FFF2-40B4-BE49-F238E27FC236}">
                <a16:creationId xmlns:a16="http://schemas.microsoft.com/office/drawing/2014/main" id="{DEFE56F3-7EB9-402B-BF4F-E05702D3A699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9059014" y="2150025"/>
            <a:ext cx="0" cy="3937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1" name="OTLSHAPE_G_00000000000000000000000000000000_ShapeBelow9">
            <a:extLst>
              <a:ext uri="{FF2B5EF4-FFF2-40B4-BE49-F238E27FC236}">
                <a16:creationId xmlns:a16="http://schemas.microsoft.com/office/drawing/2014/main" id="{853C32D4-F2F0-4213-8A75-AD28C5B6C7B8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9830146" y="2150025"/>
            <a:ext cx="0" cy="3937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2" name="OTLSHAPE_G_00000000000000000000000000000000_ShapeBelow10">
            <a:extLst>
              <a:ext uri="{FF2B5EF4-FFF2-40B4-BE49-F238E27FC236}">
                <a16:creationId xmlns:a16="http://schemas.microsoft.com/office/drawing/2014/main" id="{3D7FBCA7-79C0-49CF-8817-72A6949F0693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10576402" y="2150025"/>
            <a:ext cx="0" cy="3937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1" name="OTLSHAPE_SLT_75daf6639d5b4a30895069d03576e565_Shape">
            <a:extLst>
              <a:ext uri="{FF2B5EF4-FFF2-40B4-BE49-F238E27FC236}">
                <a16:creationId xmlns:a16="http://schemas.microsoft.com/office/drawing/2014/main" id="{80083030-B445-4AE1-98E9-E7638D1A3CE4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491936" y="2734225"/>
            <a:ext cx="927100" cy="2794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5" name="OTLSHAPE_SLT_3f012c70cb854ed589cfe46f740a2f87_Shape">
            <a:extLst>
              <a:ext uri="{FF2B5EF4-FFF2-40B4-BE49-F238E27FC236}">
                <a16:creationId xmlns:a16="http://schemas.microsoft.com/office/drawing/2014/main" id="{6D29265C-FAD1-4C46-84B3-72994D413954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606330" y="2734225"/>
            <a:ext cx="787400" cy="2794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3" name="OTLSHAPE_SLT_fdcbfd98e2d74b9c9c6a4211e174ac42_Shape">
            <a:extLst>
              <a:ext uri="{FF2B5EF4-FFF2-40B4-BE49-F238E27FC236}">
                <a16:creationId xmlns:a16="http://schemas.microsoft.com/office/drawing/2014/main" id="{3D1B92C3-D986-4B1C-9D09-EADAD2DE027E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641109" y="2734225"/>
            <a:ext cx="1143000" cy="2794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7" name="OTLSHAPE_SLT_9afee9694e1d44e99077c0b34637d69e_Shape">
            <a:extLst>
              <a:ext uri="{FF2B5EF4-FFF2-40B4-BE49-F238E27FC236}">
                <a16:creationId xmlns:a16="http://schemas.microsoft.com/office/drawing/2014/main" id="{6FA6436D-79E4-44F2-91D9-E52F19471396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208248" y="3089825"/>
            <a:ext cx="1384300" cy="2794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9" name="OTLSHAPE_SLT_85a543e0ca20406e9125fd34bcb37850_Shape">
            <a:extLst>
              <a:ext uri="{FF2B5EF4-FFF2-40B4-BE49-F238E27FC236}">
                <a16:creationId xmlns:a16="http://schemas.microsoft.com/office/drawing/2014/main" id="{0A9AE614-2CA4-428B-A21E-BFD8FB20ED16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5700841" y="3089825"/>
            <a:ext cx="1066800" cy="2794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1" name="OTLSHAPE_SLT_cc656f6cc5b748379cd940035964f9c5_Shape">
            <a:extLst>
              <a:ext uri="{FF2B5EF4-FFF2-40B4-BE49-F238E27FC236}">
                <a16:creationId xmlns:a16="http://schemas.microsoft.com/office/drawing/2014/main" id="{2A50342C-84ED-4F10-A388-F98FAA37DA55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586446" y="3089825"/>
            <a:ext cx="787400" cy="2794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3" name="OTLSHAPE_SLT_e68bc893855c4e7eb05fa9e197e4ca40_Shape">
            <a:extLst>
              <a:ext uri="{FF2B5EF4-FFF2-40B4-BE49-F238E27FC236}">
                <a16:creationId xmlns:a16="http://schemas.microsoft.com/office/drawing/2014/main" id="{CF896A9D-BC8A-430F-826E-5EBC913B50EB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666063" y="3508925"/>
            <a:ext cx="977900" cy="2794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5" name="OTLSHAPE_SLT_44e457bfead14ba2a574d415ef8797ce_Shape">
            <a:extLst>
              <a:ext uri="{FF2B5EF4-FFF2-40B4-BE49-F238E27FC236}">
                <a16:creationId xmlns:a16="http://schemas.microsoft.com/office/drawing/2014/main" id="{442C0F04-DA07-4C80-9506-9D1F1DDEA9D7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656081" y="3508925"/>
            <a:ext cx="1003300" cy="2794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7" name="OTLSHAPE_SLT_8e58447d356f4a1ea609c72cbe5e8d0c_Shape">
            <a:extLst>
              <a:ext uri="{FF2B5EF4-FFF2-40B4-BE49-F238E27FC236}">
                <a16:creationId xmlns:a16="http://schemas.microsoft.com/office/drawing/2014/main" id="{83EFC6D3-1375-4F43-92CB-0CFC46B5FF71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7690859" y="3508925"/>
            <a:ext cx="977900" cy="2794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9" name="OTLSHAPE_SLT_475c6ca84d8f42598b7901be8552a342_Shape">
            <a:extLst>
              <a:ext uri="{FF2B5EF4-FFF2-40B4-BE49-F238E27FC236}">
                <a16:creationId xmlns:a16="http://schemas.microsoft.com/office/drawing/2014/main" id="{8E935579-3DED-4AAF-A8AA-0A3592C226DF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2936892" y="3864525"/>
            <a:ext cx="1155700" cy="2794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1" name="OTLSHAPE_SLT_205349531263454bb17ff5b25777a394_Shape">
            <a:extLst>
              <a:ext uri="{FF2B5EF4-FFF2-40B4-BE49-F238E27FC236}">
                <a16:creationId xmlns:a16="http://schemas.microsoft.com/office/drawing/2014/main" id="{C43A7BE0-74ED-4210-9ECE-F438710EB92C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4979459" y="3864525"/>
            <a:ext cx="1346200" cy="2794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3" name="OTLSHAPE_SLT_27c39cecbf9c4a8e816390366b462035_Shape">
            <a:extLst>
              <a:ext uri="{FF2B5EF4-FFF2-40B4-BE49-F238E27FC236}">
                <a16:creationId xmlns:a16="http://schemas.microsoft.com/office/drawing/2014/main" id="{9AA9F43D-4AA5-4EB3-83B8-EC7EC36255CF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6944602" y="3864525"/>
            <a:ext cx="1663700" cy="2794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9" name="OTLSHAPE_SLT_b13f66b14c4a46e6824cb84f1432ba3a_Shape">
            <a:extLst>
              <a:ext uri="{FF2B5EF4-FFF2-40B4-BE49-F238E27FC236}">
                <a16:creationId xmlns:a16="http://schemas.microsoft.com/office/drawing/2014/main" id="{845749D8-B6D2-456A-B88D-DEF2BC5A967C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576465" y="4639225"/>
            <a:ext cx="825500" cy="2794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7" name="OTLSHAPE_SLT_1d672f3586b3435b8c9b0c2f486a28d9_Shape">
            <a:extLst>
              <a:ext uri="{FF2B5EF4-FFF2-40B4-BE49-F238E27FC236}">
                <a16:creationId xmlns:a16="http://schemas.microsoft.com/office/drawing/2014/main" id="{D1763751-F89D-4EF8-8395-1C1D162989B9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4581455" y="4220125"/>
            <a:ext cx="5969000" cy="2794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5" name="OTLSHAPE_SLT_b8bd9725606c4c6b90bc74d7f235c5b1_Shape">
            <a:extLst>
              <a:ext uri="{FF2B5EF4-FFF2-40B4-BE49-F238E27FC236}">
                <a16:creationId xmlns:a16="http://schemas.microsoft.com/office/drawing/2014/main" id="{D8A43120-DAF5-4577-B10A-E56C8F8EFA64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3437195" y="4220125"/>
            <a:ext cx="1003300" cy="2794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1" name="OTLSHAPE_SLT_9cd26cf6c5c24c0491143426e921415d_Shape">
            <a:extLst>
              <a:ext uri="{FF2B5EF4-FFF2-40B4-BE49-F238E27FC236}">
                <a16:creationId xmlns:a16="http://schemas.microsoft.com/office/drawing/2014/main" id="{D38EDF73-C7BC-4AB3-BB0F-BED7FD6B27B3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243105" y="4639225"/>
            <a:ext cx="825500" cy="2794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3" name="OTLSHAPE_SLT_d03a28a3d460448688e0d278308ca725_Shape">
            <a:extLst>
              <a:ext uri="{FF2B5EF4-FFF2-40B4-BE49-F238E27FC236}">
                <a16:creationId xmlns:a16="http://schemas.microsoft.com/office/drawing/2014/main" id="{B75796CD-909A-4E8B-A4C4-735FED054AA6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611321" y="4639225"/>
            <a:ext cx="825500" cy="2794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5" name="OTLSHAPE_SLT_8b16007ccfa540758f6cc869fade5b6b_Shape">
            <a:extLst>
              <a:ext uri="{FF2B5EF4-FFF2-40B4-BE49-F238E27FC236}">
                <a16:creationId xmlns:a16="http://schemas.microsoft.com/office/drawing/2014/main" id="{94D6100A-C2EB-4FA5-9D2C-AF377B58D172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5029209" y="4994825"/>
            <a:ext cx="825500" cy="2794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7" name="OTLSHAPE_SLT_13be54bdcb0f4d3f9794b2ef7fe76312_Shape">
            <a:extLst>
              <a:ext uri="{FF2B5EF4-FFF2-40B4-BE49-F238E27FC236}">
                <a16:creationId xmlns:a16="http://schemas.microsoft.com/office/drawing/2014/main" id="{774B958D-DE8D-4FEB-B296-F9F2EED2EDA1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541608" y="4994825"/>
            <a:ext cx="825500" cy="2794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9" name="OTLSHAPE_SLT_478f9b9e36944d9fac31ab844ca46464_Shape">
            <a:extLst>
              <a:ext uri="{FF2B5EF4-FFF2-40B4-BE49-F238E27FC236}">
                <a16:creationId xmlns:a16="http://schemas.microsoft.com/office/drawing/2014/main" id="{0B006116-3050-4AA6-9BA1-BBF2787D680A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9208248" y="4994825"/>
            <a:ext cx="825500" cy="2794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1" name="OTLSHAPE_SLT_b9bd14f6b5914604a2dcf78d93533223_Shape">
            <a:extLst>
              <a:ext uri="{FF2B5EF4-FFF2-40B4-BE49-F238E27FC236}">
                <a16:creationId xmlns:a16="http://schemas.microsoft.com/office/drawing/2014/main" id="{102D0856-46E9-4396-8912-6CC00FF05F2E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2641187" y="4994825"/>
            <a:ext cx="825500" cy="2794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3" name="OTLSHAPE_SLT_cd127f26bd084789a113c287d9e9c9ae_Shape">
            <a:extLst>
              <a:ext uri="{FF2B5EF4-FFF2-40B4-BE49-F238E27FC236}">
                <a16:creationId xmlns:a16="http://schemas.microsoft.com/office/drawing/2014/main" id="{F2C6D446-B0A1-4E46-8024-E367A6DC9F0F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2668896" y="5413925"/>
            <a:ext cx="1752600" cy="2794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5" name="OTLSHAPE_SLT_57793712bec34d70a58a4b333f8620a4_Shape">
            <a:extLst>
              <a:ext uri="{FF2B5EF4-FFF2-40B4-BE49-F238E27FC236}">
                <a16:creationId xmlns:a16="http://schemas.microsoft.com/office/drawing/2014/main" id="{6B1943A7-B631-41BF-AC4E-5D2D00D6A164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6969478" y="5413925"/>
            <a:ext cx="1409700" cy="2794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7" name="OTLSHAPE_SLT_a059109e40e34923b8627893bdfd37ff_Shape">
            <a:extLst>
              <a:ext uri="{FF2B5EF4-FFF2-40B4-BE49-F238E27FC236}">
                <a16:creationId xmlns:a16="http://schemas.microsoft.com/office/drawing/2014/main" id="{0F53D119-A031-4361-9989-7397F2CAC170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4631206" y="5769525"/>
            <a:ext cx="2019300" cy="2794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9" name="OTLSHAPE_SLT_203b159a101544c2a47ddbaa9eb45b4d_Shape">
            <a:extLst>
              <a:ext uri="{FF2B5EF4-FFF2-40B4-BE49-F238E27FC236}">
                <a16:creationId xmlns:a16="http://schemas.microsoft.com/office/drawing/2014/main" id="{837CEDC3-102F-49F9-B03C-EAA7258D5FCF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9158498" y="5769525"/>
            <a:ext cx="1676400" cy="2794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4" name="OTLSHAPE_SLM_d5d079c9ca7e4d48b4b8916156f7ddf1_Shape">
            <a:extLst>
              <a:ext uri="{FF2B5EF4-FFF2-40B4-BE49-F238E27FC236}">
                <a16:creationId xmlns:a16="http://schemas.microsoft.com/office/drawing/2014/main" id="{41DF1EFB-4C3E-43C9-9F77-2A01DDDC97BB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4281378" y="2391325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5" name="OTLSHAPE_SLM_e1496fbea355483da49bacbe4c56e126_Shape">
            <a:extLst>
              <a:ext uri="{FF2B5EF4-FFF2-40B4-BE49-F238E27FC236}">
                <a16:creationId xmlns:a16="http://schemas.microsoft.com/office/drawing/2014/main" id="{5D287963-BF18-4117-B8D4-85F9AC238860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6097270" y="2391325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3" name="OTLSHAPE_SLM_d03d66f75e4a4be29bcbfe88391eca7e_Shape">
            <a:extLst>
              <a:ext uri="{FF2B5EF4-FFF2-40B4-BE49-F238E27FC236}">
                <a16:creationId xmlns:a16="http://schemas.microsoft.com/office/drawing/2014/main" id="{9D20F515-8B80-4EAB-97F2-FDB89EA86C60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8659419" y="2391325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2" name="OTLSHAPE_SLM_509c9ae5b11345e8bb68e9ec12a8635b_Shape">
            <a:extLst>
              <a:ext uri="{FF2B5EF4-FFF2-40B4-BE49-F238E27FC236}">
                <a16:creationId xmlns:a16="http://schemas.microsoft.com/office/drawing/2014/main" id="{4538CCA3-CF69-4EA4-84A6-660AFE4C19AE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6283047" y="3521625"/>
            <a:ext cx="228600" cy="254000"/>
          </a:xfrm>
          <a:prstGeom prst="teardrop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2" name="OTLSHAPE_SLM_a9488e7452554063b91c4030f5d36cb5_Shape">
            <a:extLst>
              <a:ext uri="{FF2B5EF4-FFF2-40B4-BE49-F238E27FC236}">
                <a16:creationId xmlns:a16="http://schemas.microsoft.com/office/drawing/2014/main" id="{8BA969DB-9C03-4BAA-A53C-FDC607A0CD33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8622787" y="3521625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" name="OTLSHAPE_SL_c48e84fb79d841fcb3762943084aed99_Header">
            <a:extLst>
              <a:ext uri="{FF2B5EF4-FFF2-40B4-BE49-F238E27FC236}">
                <a16:creationId xmlns:a16="http://schemas.microsoft.com/office/drawing/2014/main" id="{6CF0902F-86FA-4CF2-8C7C-47AA7F19E815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3500" y="2399898"/>
            <a:ext cx="1117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mprovements</a:t>
            </a:r>
          </a:p>
        </p:txBody>
      </p:sp>
      <p:sp>
        <p:nvSpPr>
          <p:cNvPr id="36" name="OTLSHAPE_SL_a391c3e9dbb64bde890bc2d13eb8cdc0_Header">
            <a:extLst>
              <a:ext uri="{FF2B5EF4-FFF2-40B4-BE49-F238E27FC236}">
                <a16:creationId xmlns:a16="http://schemas.microsoft.com/office/drawing/2014/main" id="{DC9D849F-D3AA-4C24-B1E3-457556F33B8C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3500" y="2958698"/>
            <a:ext cx="1117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erchandising</a:t>
            </a:r>
          </a:p>
        </p:txBody>
      </p:sp>
      <p:sp>
        <p:nvSpPr>
          <p:cNvPr id="39" name="OTLSHAPE_SL_7a6d58b644534dd7b774651f575c7407_Header">
            <a:extLst>
              <a:ext uri="{FF2B5EF4-FFF2-40B4-BE49-F238E27FC236}">
                <a16:creationId xmlns:a16="http://schemas.microsoft.com/office/drawing/2014/main" id="{49AA91E0-CF44-40F4-AA99-358F964E173E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3500" y="3911198"/>
            <a:ext cx="1117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keting</a:t>
            </a:r>
          </a:p>
        </p:txBody>
      </p:sp>
      <p:sp>
        <p:nvSpPr>
          <p:cNvPr id="42" name="OTLSHAPE_SL_dc4e9fddea8b48cebd3e1fee73c9c406_Header">
            <a:extLst>
              <a:ext uri="{FF2B5EF4-FFF2-40B4-BE49-F238E27FC236}">
                <a16:creationId xmlns:a16="http://schemas.microsoft.com/office/drawing/2014/main" id="{B210CAD2-CDA9-4390-9D73-08577ADACF5E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3500" y="4770670"/>
            <a:ext cx="11176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ustomer Experience</a:t>
            </a:r>
          </a:p>
        </p:txBody>
      </p:sp>
      <p:sp>
        <p:nvSpPr>
          <p:cNvPr id="45" name="OTLSHAPE_SL_fc0be2d525ac48dbad33ce3f9e561b9d_Header">
            <a:extLst>
              <a:ext uri="{FF2B5EF4-FFF2-40B4-BE49-F238E27FC236}">
                <a16:creationId xmlns:a16="http://schemas.microsoft.com/office/drawing/2014/main" id="{F23AC414-D48D-4566-A738-2561DCC95EB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3500" y="5638398"/>
            <a:ext cx="1117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frastructure</a:t>
            </a:r>
          </a:p>
        </p:txBody>
      </p:sp>
      <p:sp>
        <p:nvSpPr>
          <p:cNvPr id="68" name="OTLSHAPE_SL2A_635157bd9cf04aefa227d3777ec08149_Header">
            <a:extLst>
              <a:ext uri="{FF2B5EF4-FFF2-40B4-BE49-F238E27FC236}">
                <a16:creationId xmlns:a16="http://schemas.microsoft.com/office/drawing/2014/main" id="{830F0C2C-4EBC-49D9-97F6-0AEEA6283FA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34902" y="2796413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illian Rowe</a:t>
            </a:r>
          </a:p>
        </p:txBody>
      </p:sp>
      <p:sp>
        <p:nvSpPr>
          <p:cNvPr id="71" name="OTLSHAPE_SL2A_8539b848693b472cbe9eada7932de721_Header">
            <a:extLst>
              <a:ext uri="{FF2B5EF4-FFF2-40B4-BE49-F238E27FC236}">
                <a16:creationId xmlns:a16="http://schemas.microsoft.com/office/drawing/2014/main" id="{E9527680-7694-4D5D-A1DB-14B892BF3E5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34902" y="3152013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ricia Lunn</a:t>
            </a:r>
          </a:p>
        </p:txBody>
      </p:sp>
      <p:sp>
        <p:nvSpPr>
          <p:cNvPr id="90" name="OTLSHAPE_SL2A_6a080a1c5c1e40ac9d48b6a4a4bd9f7b_Header">
            <a:extLst>
              <a:ext uri="{FF2B5EF4-FFF2-40B4-BE49-F238E27FC236}">
                <a16:creationId xmlns:a16="http://schemas.microsoft.com/office/drawing/2014/main" id="{F80CC1A5-6039-47AE-BA15-8D3BB0106A7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34902" y="3571113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ohn Alloway</a:t>
            </a:r>
          </a:p>
        </p:txBody>
      </p:sp>
      <p:sp>
        <p:nvSpPr>
          <p:cNvPr id="93" name="OTLSHAPE_SL2A_25f3449a476c469c8aa76e0317172720_Header">
            <a:extLst>
              <a:ext uri="{FF2B5EF4-FFF2-40B4-BE49-F238E27FC236}">
                <a16:creationId xmlns:a16="http://schemas.microsoft.com/office/drawing/2014/main" id="{9E26BA2F-51C4-47E4-80DB-739949BB439A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34902" y="3926713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eith Henry</a:t>
            </a:r>
          </a:p>
        </p:txBody>
      </p:sp>
      <p:sp>
        <p:nvSpPr>
          <p:cNvPr id="96" name="OTLSHAPE_SL2A_1865784c31ee4e16b3ab7207819efb5d_Header">
            <a:extLst>
              <a:ext uri="{FF2B5EF4-FFF2-40B4-BE49-F238E27FC236}">
                <a16:creationId xmlns:a16="http://schemas.microsoft.com/office/drawing/2014/main" id="{1D629731-5535-451F-978B-EE91A5B656EA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34902" y="4282313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rlene Blanco</a:t>
            </a:r>
          </a:p>
        </p:txBody>
      </p:sp>
      <p:sp>
        <p:nvSpPr>
          <p:cNvPr id="99" name="OTLSHAPE_SL2A_ec97b529c623431195b157fcffcad1a2_Header">
            <a:extLst>
              <a:ext uri="{FF2B5EF4-FFF2-40B4-BE49-F238E27FC236}">
                <a16:creationId xmlns:a16="http://schemas.microsoft.com/office/drawing/2014/main" id="{89F855EE-1A2B-40F9-8417-285903910B7E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34902" y="4701413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nley Parra</a:t>
            </a:r>
          </a:p>
        </p:txBody>
      </p:sp>
      <p:sp>
        <p:nvSpPr>
          <p:cNvPr id="102" name="OTLSHAPE_SL2A_56351a7f3c244d929f3e4e83af6c21d4_Header">
            <a:extLst>
              <a:ext uri="{FF2B5EF4-FFF2-40B4-BE49-F238E27FC236}">
                <a16:creationId xmlns:a16="http://schemas.microsoft.com/office/drawing/2014/main" id="{FE6529B3-F106-4015-BCE6-7021D4291618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34902" y="5057013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obin Emerson</a:t>
            </a:r>
          </a:p>
        </p:txBody>
      </p:sp>
      <p:sp>
        <p:nvSpPr>
          <p:cNvPr id="105" name="OTLSHAPE_SL2A_1e82013b09d646eba4645c81fe3b400e_Header">
            <a:extLst>
              <a:ext uri="{FF2B5EF4-FFF2-40B4-BE49-F238E27FC236}">
                <a16:creationId xmlns:a16="http://schemas.microsoft.com/office/drawing/2014/main" id="{4D5150EF-4FB3-4514-86A3-4B3AAAB6943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34902" y="5476113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bel Fletcher</a:t>
            </a:r>
          </a:p>
        </p:txBody>
      </p:sp>
      <p:sp>
        <p:nvSpPr>
          <p:cNvPr id="108" name="OTLSHAPE_SL2A_93f04c33d093476ab6e489393ab7f8f5_Header">
            <a:extLst>
              <a:ext uri="{FF2B5EF4-FFF2-40B4-BE49-F238E27FC236}">
                <a16:creationId xmlns:a16="http://schemas.microsoft.com/office/drawing/2014/main" id="{F66E10B1-BED7-4980-9647-8EF6DB26EF1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34902" y="5831713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felia Hamlin</a:t>
            </a:r>
          </a:p>
        </p:txBody>
      </p:sp>
      <p:sp>
        <p:nvSpPr>
          <p:cNvPr id="368" name="OTLSHAPE_SL2A_5d0f6bdf26e643aea87ccaeb65174d44_Header">
            <a:extLst>
              <a:ext uri="{FF2B5EF4-FFF2-40B4-BE49-F238E27FC236}">
                <a16:creationId xmlns:a16="http://schemas.microsoft.com/office/drawing/2014/main" id="{4509C1EA-4707-426E-8A2F-517D9B48568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34902" y="2415413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uth Harper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973A80E1-9321-42DC-AB37-62D6FC1FFC9C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331576" y="176439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1EAB996-F62B-4395-9A6C-775CEB563D3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570347" y="176439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20707762-3406-4C06-AE0A-4B486B65AEE9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833993" y="176439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D7A5ABC8-9AC8-447D-A997-AA2D6DE27CB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9122514" y="176439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59" name="OTLSHAPE_SLM_d5d079c9ca7e4d48b4b8916156f7ddf1_Title">
            <a:extLst>
              <a:ext uri="{FF2B5EF4-FFF2-40B4-BE49-F238E27FC236}">
                <a16:creationId xmlns:a16="http://schemas.microsoft.com/office/drawing/2014/main" id="{4F6E0ABE-3737-4AF1-B059-BD095DB85C3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3485342" y="2394966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erformance</a:t>
            </a:r>
          </a:p>
        </p:txBody>
      </p:sp>
      <p:sp>
        <p:nvSpPr>
          <p:cNvPr id="62" name="OTLSHAPE_SLM_e1496fbea355483da49bacbe4c56e126_Title">
            <a:extLst>
              <a:ext uri="{FF2B5EF4-FFF2-40B4-BE49-F238E27FC236}">
                <a16:creationId xmlns:a16="http://schemas.microsoft.com/office/drawing/2014/main" id="{B65FF7B3-8B2D-4BF3-ACE2-3339B7045A1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6300470" y="2394966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eck out</a:t>
            </a:r>
          </a:p>
        </p:txBody>
      </p:sp>
      <p:sp>
        <p:nvSpPr>
          <p:cNvPr id="65" name="OTLSHAPE_SLM_d03d66f75e4a4be29bcbfe88391eca7e_Title">
            <a:extLst>
              <a:ext uri="{FF2B5EF4-FFF2-40B4-BE49-F238E27FC236}">
                <a16:creationId xmlns:a16="http://schemas.microsoft.com/office/drawing/2014/main" id="{757599CA-56C3-4AB7-A582-DD337D463C23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7947075" y="2394966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bile app</a:t>
            </a:r>
          </a:p>
        </p:txBody>
      </p:sp>
      <p:sp>
        <p:nvSpPr>
          <p:cNvPr id="80" name="OTLSHAPE_SLT_75daf6639d5b4a30895069d03576e565_Title">
            <a:extLst>
              <a:ext uri="{FF2B5EF4-FFF2-40B4-BE49-F238E27FC236}">
                <a16:creationId xmlns:a16="http://schemas.microsoft.com/office/drawing/2014/main" id="{1400621E-0CEA-4132-9FAF-931CC95E52F1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2534897" y="2788666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Image</a:t>
            </a:r>
          </a:p>
        </p:txBody>
      </p:sp>
      <p:sp>
        <p:nvSpPr>
          <p:cNvPr id="88" name="OTLSHAPE_SLT_3f012c70cb854ed589cfe46f740a2f87_Title">
            <a:extLst>
              <a:ext uri="{FF2B5EF4-FFF2-40B4-BE49-F238E27FC236}">
                <a16:creationId xmlns:a16="http://schemas.microsoft.com/office/drawing/2014/main" id="{3609495B-1C29-4D43-A189-659069860163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713595" y="2788666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porting</a:t>
            </a:r>
          </a:p>
        </p:txBody>
      </p:sp>
      <p:sp>
        <p:nvSpPr>
          <p:cNvPr id="118" name="OTLSHAPE_TB_00000000000000000000000000000000_MiddleTimescaleInterval1">
            <a:extLst>
              <a:ext uri="{FF2B5EF4-FFF2-40B4-BE49-F238E27FC236}">
                <a16:creationId xmlns:a16="http://schemas.microsoft.com/office/drawing/2014/main" id="{19E69358-ACB7-4E6A-8EDD-386FD2ACE4E7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331576" y="1956414"/>
            <a:ext cx="20358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119" name="OTLSHAPE_TB_00000000000000000000000000000000_MiddleTimescaleInterval2">
            <a:extLst>
              <a:ext uri="{FF2B5EF4-FFF2-40B4-BE49-F238E27FC236}">
                <a16:creationId xmlns:a16="http://schemas.microsoft.com/office/drawing/2014/main" id="{6D5398A6-44C2-477C-A6AC-69CF59D09E4C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102708" y="1956414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</a:t>
            </a:r>
          </a:p>
        </p:txBody>
      </p:sp>
      <p:sp>
        <p:nvSpPr>
          <p:cNvPr id="120" name="OTLSHAPE_TB_00000000000000000000000000000000_MiddleTimescaleInterval3">
            <a:extLst>
              <a:ext uri="{FF2B5EF4-FFF2-40B4-BE49-F238E27FC236}">
                <a16:creationId xmlns:a16="http://schemas.microsoft.com/office/drawing/2014/main" id="{E6BB85AE-AA04-4551-982A-CF562A3BE51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3799215" y="1956414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121" name="OTLSHAPE_TB_00000000000000000000000000000000_MiddleTimescaleInterval4">
            <a:extLst>
              <a:ext uri="{FF2B5EF4-FFF2-40B4-BE49-F238E27FC236}">
                <a16:creationId xmlns:a16="http://schemas.microsoft.com/office/drawing/2014/main" id="{6609D56B-C672-425B-9009-DC917DC61A5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4570347" y="1956414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122" name="OTLSHAPE_TB_00000000000000000000000000000000_MiddleTimescaleInterval5">
            <a:extLst>
              <a:ext uri="{FF2B5EF4-FFF2-40B4-BE49-F238E27FC236}">
                <a16:creationId xmlns:a16="http://schemas.microsoft.com/office/drawing/2014/main" id="{71038D8E-19A0-44F2-BF04-32FAA7EBED31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5316604" y="1956414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123" name="OTLSHAPE_TB_00000000000000000000000000000000_MiddleTimescaleInterval6">
            <a:extLst>
              <a:ext uri="{FF2B5EF4-FFF2-40B4-BE49-F238E27FC236}">
                <a16:creationId xmlns:a16="http://schemas.microsoft.com/office/drawing/2014/main" id="{AF6D7BE3-2336-4E05-B6E8-4EE8ED4B9E40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087736" y="1956414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124" name="OTLSHAPE_TB_00000000000000000000000000000000_MiddleTimescaleInterval7">
            <a:extLst>
              <a:ext uri="{FF2B5EF4-FFF2-40B4-BE49-F238E27FC236}">
                <a16:creationId xmlns:a16="http://schemas.microsoft.com/office/drawing/2014/main" id="{33A6E094-8BE6-41B5-90DB-85C0B7919A80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833993" y="1956414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125" name="OTLSHAPE_TB_00000000000000000000000000000000_MiddleTimescaleInterval8">
            <a:extLst>
              <a:ext uri="{FF2B5EF4-FFF2-40B4-BE49-F238E27FC236}">
                <a16:creationId xmlns:a16="http://schemas.microsoft.com/office/drawing/2014/main" id="{E4A550A9-AE42-441A-AD5D-D024110810E3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7605125" y="1956414"/>
            <a:ext cx="24205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126" name="OTLSHAPE_TB_00000000000000000000000000000000_MiddleTimescaleInterval9">
            <a:extLst>
              <a:ext uri="{FF2B5EF4-FFF2-40B4-BE49-F238E27FC236}">
                <a16:creationId xmlns:a16="http://schemas.microsoft.com/office/drawing/2014/main" id="{5EA16A03-0A5E-444C-A845-08EE584B1D48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8376257" y="1956414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127" name="OTLSHAPE_TB_00000000000000000000000000000000_MiddleTimescaleInterval10">
            <a:extLst>
              <a:ext uri="{FF2B5EF4-FFF2-40B4-BE49-F238E27FC236}">
                <a16:creationId xmlns:a16="http://schemas.microsoft.com/office/drawing/2014/main" id="{CC24FB79-1A47-42C7-8D12-FBB149BCBEAB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9122514" y="1956414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</a:p>
        </p:txBody>
      </p:sp>
      <p:sp>
        <p:nvSpPr>
          <p:cNvPr id="17" name="OTLSHAPE_SLT_fdcbfd98e2d74b9c9c6a4211e174ac42_Title">
            <a:extLst>
              <a:ext uri="{FF2B5EF4-FFF2-40B4-BE49-F238E27FC236}">
                <a16:creationId xmlns:a16="http://schemas.microsoft.com/office/drawing/2014/main" id="{8A55B99F-EA9C-4D52-A327-4A48177212C8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7744117" y="2788666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gital Analytics</a:t>
            </a:r>
          </a:p>
        </p:txBody>
      </p:sp>
      <p:sp>
        <p:nvSpPr>
          <p:cNvPr id="64" name="OTLSHAPE_SLT_9afee9694e1d44e99077c0b34637d69e_Title">
            <a:extLst>
              <a:ext uri="{FF2B5EF4-FFF2-40B4-BE49-F238E27FC236}">
                <a16:creationId xmlns:a16="http://schemas.microsoft.com/office/drawing/2014/main" id="{C785E12F-9C4D-437E-A3E3-0EFBEE9DC009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9339971" y="3144266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upplier Evaluation</a:t>
            </a:r>
          </a:p>
        </p:txBody>
      </p:sp>
      <p:sp>
        <p:nvSpPr>
          <p:cNvPr id="132" name="OTLSHAPE_SLT_85a543e0ca20406e9125fd34bcb37850_Title">
            <a:extLst>
              <a:ext uri="{FF2B5EF4-FFF2-40B4-BE49-F238E27FC236}">
                <a16:creationId xmlns:a16="http://schemas.microsoft.com/office/drawing/2014/main" id="{8C477927-44CB-4143-9655-1538271A9D3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5884144" y="3144266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tomation</a:t>
            </a:r>
          </a:p>
        </p:txBody>
      </p:sp>
      <p:sp>
        <p:nvSpPr>
          <p:cNvPr id="140" name="OTLSHAPE_SLT_cc656f6cc5b748379cd940035964f9c5_Title">
            <a:extLst>
              <a:ext uri="{FF2B5EF4-FFF2-40B4-BE49-F238E27FC236}">
                <a16:creationId xmlns:a16="http://schemas.microsoft.com/office/drawing/2014/main" id="{FDDE1301-880F-46E7-A339-5EDD93589E7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3639080" y="3144266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mpliance</a:t>
            </a:r>
          </a:p>
        </p:txBody>
      </p:sp>
      <p:sp>
        <p:nvSpPr>
          <p:cNvPr id="159" name="OTLSHAPE_SLT_e68bc893855c4e7eb05fa9e197e4ca40_Title">
            <a:extLst>
              <a:ext uri="{FF2B5EF4-FFF2-40B4-BE49-F238E27FC236}">
                <a16:creationId xmlns:a16="http://schemas.microsoft.com/office/drawing/2014/main" id="{DC566573-90C5-4AD0-BCD4-9D97505E2CE7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2739474" y="3563366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gram Ads</a:t>
            </a:r>
          </a:p>
        </p:txBody>
      </p:sp>
      <p:sp>
        <p:nvSpPr>
          <p:cNvPr id="167" name="OTLSHAPE_SLT_44e457bfead14ba2a574d415ef8797ce_Title">
            <a:extLst>
              <a:ext uri="{FF2B5EF4-FFF2-40B4-BE49-F238E27FC236}">
                <a16:creationId xmlns:a16="http://schemas.microsoft.com/office/drawing/2014/main" id="{EFE33AE2-669B-4440-94E3-98F752EACC3F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4774040" y="3563366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 Campaign</a:t>
            </a:r>
          </a:p>
        </p:txBody>
      </p:sp>
      <p:sp>
        <p:nvSpPr>
          <p:cNvPr id="175" name="OTLSHAPE_SLT_8e58447d356f4a1ea609c72cbe5e8d0c_Title">
            <a:extLst>
              <a:ext uri="{FF2B5EF4-FFF2-40B4-BE49-F238E27FC236}">
                <a16:creationId xmlns:a16="http://schemas.microsoft.com/office/drawing/2014/main" id="{4C365891-E1B1-4A30-B880-7DE12E44ED7B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7778748" y="3563366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ashion Show</a:t>
            </a:r>
          </a:p>
        </p:txBody>
      </p:sp>
      <p:sp>
        <p:nvSpPr>
          <p:cNvPr id="178" name="OTLSHAPE_SLM_509c9ae5b11345e8bb68e9ec12a8635b_Title">
            <a:extLst>
              <a:ext uri="{FF2B5EF4-FFF2-40B4-BE49-F238E27FC236}">
                <a16:creationId xmlns:a16="http://schemas.microsoft.com/office/drawing/2014/main" id="{29175470-B1BE-4888-B6B4-DDDB568983E0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562447" y="3563366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 &amp; Q4 roadmap</a:t>
            </a:r>
          </a:p>
        </p:txBody>
      </p:sp>
      <p:sp>
        <p:nvSpPr>
          <p:cNvPr id="186" name="OTLSHAPE_SLT_475c6ca84d8f42598b7901be8552a342_Title">
            <a:extLst>
              <a:ext uri="{FF2B5EF4-FFF2-40B4-BE49-F238E27FC236}">
                <a16:creationId xmlns:a16="http://schemas.microsoft.com/office/drawing/2014/main" id="{EE85B449-DAA8-4D15-9366-6010B27C90FB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3059755" y="3918966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catalog</a:t>
            </a:r>
          </a:p>
        </p:txBody>
      </p:sp>
      <p:sp>
        <p:nvSpPr>
          <p:cNvPr id="194" name="OTLSHAPE_SLT_205349531263454bb17ff5b25777a394_Title">
            <a:extLst>
              <a:ext uri="{FF2B5EF4-FFF2-40B4-BE49-F238E27FC236}">
                <a16:creationId xmlns:a16="http://schemas.microsoft.com/office/drawing/2014/main" id="{2BA2FB1A-F389-409A-B0B7-E8E93E7E8871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5378746" y="3918966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/B Tests</a:t>
            </a:r>
          </a:p>
        </p:txBody>
      </p:sp>
      <p:sp>
        <p:nvSpPr>
          <p:cNvPr id="202" name="OTLSHAPE_SLT_27c39cecbf9c4a8e816390366b462035_Title">
            <a:extLst>
              <a:ext uri="{FF2B5EF4-FFF2-40B4-BE49-F238E27FC236}">
                <a16:creationId xmlns:a16="http://schemas.microsoft.com/office/drawing/2014/main" id="{4C370ED1-6D64-45FB-A13C-762328C8A24C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7125419" y="3918966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bandoned Cart Email</a:t>
            </a:r>
          </a:p>
        </p:txBody>
      </p:sp>
      <p:sp>
        <p:nvSpPr>
          <p:cNvPr id="210" name="OTLSHAPE_SLT_b13f66b14c4a46e6824cb84f1432ba3a_Title">
            <a:extLst>
              <a:ext uri="{FF2B5EF4-FFF2-40B4-BE49-F238E27FC236}">
                <a16:creationId xmlns:a16="http://schemas.microsoft.com/office/drawing/2014/main" id="{927FD646-93D2-451C-9C74-C09FACE76A4C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724773" y="4693666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ive Chat</a:t>
            </a:r>
          </a:p>
        </p:txBody>
      </p:sp>
      <p:sp>
        <p:nvSpPr>
          <p:cNvPr id="218" name="OTLSHAPE_SLT_1d672f3586b3435b8c9b0c2f486a28d9_Title">
            <a:extLst>
              <a:ext uri="{FF2B5EF4-FFF2-40B4-BE49-F238E27FC236}">
                <a16:creationId xmlns:a16="http://schemas.microsoft.com/office/drawing/2014/main" id="{720ACC28-773A-4B48-B30B-E3667F3829A5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7040233" y="4274566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O optimizations</a:t>
            </a:r>
          </a:p>
        </p:txBody>
      </p:sp>
      <p:sp>
        <p:nvSpPr>
          <p:cNvPr id="230" name="OTLSHAPE_SLT_b8bd9725606c4c6b90bc74d7f235c5b1_Title">
            <a:extLst>
              <a:ext uri="{FF2B5EF4-FFF2-40B4-BE49-F238E27FC236}">
                <a16:creationId xmlns:a16="http://schemas.microsoft.com/office/drawing/2014/main" id="{E93E19D9-A556-4E2E-8400-E6701BB28384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3658243" y="4274566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O audit</a:t>
            </a:r>
          </a:p>
        </p:txBody>
      </p:sp>
      <p:sp>
        <p:nvSpPr>
          <p:cNvPr id="238" name="OTLSHAPE_SLT_9cd26cf6c5c24c0491143426e921415d_Title">
            <a:extLst>
              <a:ext uri="{FF2B5EF4-FFF2-40B4-BE49-F238E27FC236}">
                <a16:creationId xmlns:a16="http://schemas.microsoft.com/office/drawing/2014/main" id="{00D0E5E9-E209-4A3F-A29F-9E55F37BED16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7392514" y="4693666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nsfers</a:t>
            </a:r>
          </a:p>
        </p:txBody>
      </p:sp>
      <p:sp>
        <p:nvSpPr>
          <p:cNvPr id="246" name="OTLSHAPE_SLT_d03a28a3d460448688e0d278308ca725_Title">
            <a:extLst>
              <a:ext uri="{FF2B5EF4-FFF2-40B4-BE49-F238E27FC236}">
                <a16:creationId xmlns:a16="http://schemas.microsoft.com/office/drawing/2014/main" id="{9CB1BB89-C0CC-4A11-A329-05AD0FAEC42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3867326" y="4693666"/>
            <a:ext cx="30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ogin</a:t>
            </a:r>
          </a:p>
        </p:txBody>
      </p:sp>
      <p:sp>
        <p:nvSpPr>
          <p:cNvPr id="254" name="OTLSHAPE_SLT_8b16007ccfa540758f6cc869fade5b6b_Title">
            <a:extLst>
              <a:ext uri="{FF2B5EF4-FFF2-40B4-BE49-F238E27FC236}">
                <a16:creationId xmlns:a16="http://schemas.microsoft.com/office/drawing/2014/main" id="{5F2FFCB0-AB74-410C-8ADE-4D48B7DD27E3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5203511" y="5049266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ccount</a:t>
            </a:r>
          </a:p>
        </p:txBody>
      </p:sp>
      <p:sp>
        <p:nvSpPr>
          <p:cNvPr id="262" name="OTLSHAPE_SLT_13be54bdcb0f4d3f9794b2ef7fe76312_Title">
            <a:extLst>
              <a:ext uri="{FF2B5EF4-FFF2-40B4-BE49-F238E27FC236}">
                <a16:creationId xmlns:a16="http://schemas.microsoft.com/office/drawing/2014/main" id="{97B1D84F-A2DC-4B84-AE01-B4CAEC7E0A65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7753564" y="5049266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ails</a:t>
            </a:r>
          </a:p>
        </p:txBody>
      </p:sp>
      <p:sp>
        <p:nvSpPr>
          <p:cNvPr id="270" name="OTLSHAPE_SLT_478f9b9e36944d9fac31ab844ca46464_Title">
            <a:extLst>
              <a:ext uri="{FF2B5EF4-FFF2-40B4-BE49-F238E27FC236}">
                <a16:creationId xmlns:a16="http://schemas.microsoft.com/office/drawing/2014/main" id="{FB498265-659C-438A-98AE-8F304C4B2F6C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9374802" y="5049266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ceipts</a:t>
            </a:r>
          </a:p>
        </p:txBody>
      </p:sp>
      <p:sp>
        <p:nvSpPr>
          <p:cNvPr id="278" name="OTLSHAPE_SLT_b9bd14f6b5914604a2dcf78d93533223_Title">
            <a:extLst>
              <a:ext uri="{FF2B5EF4-FFF2-40B4-BE49-F238E27FC236}">
                <a16:creationId xmlns:a16="http://schemas.microsoft.com/office/drawing/2014/main" id="{CCB8E0D5-B9F6-4E6C-AF79-D9BE0E0602DD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2892366" y="5049266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mail</a:t>
            </a:r>
          </a:p>
        </p:txBody>
      </p:sp>
      <p:sp>
        <p:nvSpPr>
          <p:cNvPr id="286" name="OTLSHAPE_SLT_cd127f26bd084789a113c287d9e9c9ae_Title">
            <a:extLst>
              <a:ext uri="{FF2B5EF4-FFF2-40B4-BE49-F238E27FC236}">
                <a16:creationId xmlns:a16="http://schemas.microsoft.com/office/drawing/2014/main" id="{0B07E0DA-3C3D-470E-8893-CD1CC2990CEF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2835455" y="5468366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tabase Improvements</a:t>
            </a:r>
          </a:p>
        </p:txBody>
      </p:sp>
      <p:sp>
        <p:nvSpPr>
          <p:cNvPr id="294" name="OTLSHAPE_SLT_57793712bec34d70a58a4b333f8620a4_Title">
            <a:extLst>
              <a:ext uri="{FF2B5EF4-FFF2-40B4-BE49-F238E27FC236}">
                <a16:creationId xmlns:a16="http://schemas.microsoft.com/office/drawing/2014/main" id="{7A4F8902-99BC-48F8-9E38-F2CE9E05491C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7345173" y="5468366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ta Dump</a:t>
            </a:r>
          </a:p>
        </p:txBody>
      </p:sp>
      <p:sp>
        <p:nvSpPr>
          <p:cNvPr id="302" name="OTLSHAPE_SLT_a059109e40e34923b8627893bdfd37ff_Title">
            <a:extLst>
              <a:ext uri="{FF2B5EF4-FFF2-40B4-BE49-F238E27FC236}">
                <a16:creationId xmlns:a16="http://schemas.microsoft.com/office/drawing/2014/main" id="{5D66A2E9-DCF8-4C01-A61F-599E40E581B9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5176326" y="5823966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ptimize Server</a:t>
            </a:r>
          </a:p>
        </p:txBody>
      </p:sp>
      <p:sp>
        <p:nvSpPr>
          <p:cNvPr id="310" name="OTLSHAPE_SLT_203b159a101544c2a47ddbaa9eb45b4d_Title">
            <a:extLst>
              <a:ext uri="{FF2B5EF4-FFF2-40B4-BE49-F238E27FC236}">
                <a16:creationId xmlns:a16="http://schemas.microsoft.com/office/drawing/2014/main" id="{3FDADE10-524A-451B-B02A-08230C85EA25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203576" y="5823966"/>
            <a:ext cx="158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pdate API Documentation</a:t>
            </a:r>
          </a:p>
        </p:txBody>
      </p:sp>
      <p:sp>
        <p:nvSpPr>
          <p:cNvPr id="21" name="OTLSHAPE_TB_00000000000000000000000000000000_MiddleTimescaleInterval11">
            <a:extLst>
              <a:ext uri="{FF2B5EF4-FFF2-40B4-BE49-F238E27FC236}">
                <a16:creationId xmlns:a16="http://schemas.microsoft.com/office/drawing/2014/main" id="{232CFA5D-2E4D-4062-969C-36A6B6B5CA46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9893646" y="1956414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224" name="OTLSHAPE_TB_00000000000000000000000000000000_MiddleTimescaleInterval12">
            <a:extLst>
              <a:ext uri="{FF2B5EF4-FFF2-40B4-BE49-F238E27FC236}">
                <a16:creationId xmlns:a16="http://schemas.microsoft.com/office/drawing/2014/main" id="{F5E9B8C4-D14C-4026-AFE8-103270FEA647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0639902" y="1956414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</a:t>
            </a:r>
          </a:p>
        </p:txBody>
      </p:sp>
      <p:cxnSp>
        <p:nvCxnSpPr>
          <p:cNvPr id="4" name="OTLSHAPE_TB_00000000000000000000000000000000_Separator1">
            <a:extLst>
              <a:ext uri="{FF2B5EF4-FFF2-40B4-BE49-F238E27FC236}">
                <a16:creationId xmlns:a16="http://schemas.microsoft.com/office/drawing/2014/main" id="{A3C3C216-EBD0-4FC5-A26C-E02DE35A6B88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4506847" y="1765977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B_00000000000000000000000000000000_Separator2">
            <a:extLst>
              <a:ext uri="{FF2B5EF4-FFF2-40B4-BE49-F238E27FC236}">
                <a16:creationId xmlns:a16="http://schemas.microsoft.com/office/drawing/2014/main" id="{192739D6-D2F6-414B-9B8C-3D2449E251AD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6770492" y="1765977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3">
            <a:extLst>
              <a:ext uri="{FF2B5EF4-FFF2-40B4-BE49-F238E27FC236}">
                <a16:creationId xmlns:a16="http://schemas.microsoft.com/office/drawing/2014/main" id="{20A51097-F621-48B7-92D0-F4D210955903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9059014" y="1765977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8" name="OTLSHAPE_M_ba58050f3745447692f6e42c97b9de41_Shape">
            <a:extLst>
              <a:ext uri="{FF2B5EF4-FFF2-40B4-BE49-F238E27FC236}">
                <a16:creationId xmlns:a16="http://schemas.microsoft.com/office/drawing/2014/main" id="{2B1FA976-BBB5-4697-9C2C-F016E3E30E18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3621398" y="1575477"/>
            <a:ext cx="228600" cy="254000"/>
          </a:xfrm>
          <a:prstGeom prst="star8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9" name="OTLSHAPE_M_b884d37a88284ae49e69a191b573b7eb_Shape">
            <a:extLst>
              <a:ext uri="{FF2B5EF4-FFF2-40B4-BE49-F238E27FC236}">
                <a16:creationId xmlns:a16="http://schemas.microsoft.com/office/drawing/2014/main" id="{6602DF95-5ED0-494A-9E9B-EAEF5729FEE8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7626310" y="1575477"/>
            <a:ext cx="228600" cy="254000"/>
          </a:xfrm>
          <a:prstGeom prst="star8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0" name="OTLSHAPE_M_141f2061912c4628bb44be954131fe90_Shape">
            <a:extLst>
              <a:ext uri="{FF2B5EF4-FFF2-40B4-BE49-F238E27FC236}">
                <a16:creationId xmlns:a16="http://schemas.microsoft.com/office/drawing/2014/main" id="{8533F4C7-8248-4E45-9C38-1A04B5AEB382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9019322" y="1575477"/>
            <a:ext cx="228600" cy="254000"/>
          </a:xfrm>
          <a:prstGeom prst="star8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1" name="OTLSHAPE_M_9e1e4f0a92ef43dd91a866d5da610183_Shape">
            <a:extLst>
              <a:ext uri="{FF2B5EF4-FFF2-40B4-BE49-F238E27FC236}">
                <a16:creationId xmlns:a16="http://schemas.microsoft.com/office/drawing/2014/main" id="{6BBA1461-8689-40F7-B0AB-5AAD294FA8C2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10337709" y="1575477"/>
            <a:ext cx="228600" cy="254000"/>
          </a:xfrm>
          <a:prstGeom prst="star8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OTLSHAPE_M_ba58050f3745447692f6e42c97b9de41_Title">
            <a:extLst>
              <a:ext uri="{FF2B5EF4-FFF2-40B4-BE49-F238E27FC236}">
                <a16:creationId xmlns:a16="http://schemas.microsoft.com/office/drawing/2014/main" id="{52C7B064-389C-4E7A-8FCF-17150467DD7A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3247679" y="1199134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g Collection</a:t>
            </a:r>
          </a:p>
        </p:txBody>
      </p:sp>
      <p:sp>
        <p:nvSpPr>
          <p:cNvPr id="20" name="OTLSHAPE_M_ba58050f3745447692f6e42c97b9de41_Date">
            <a:extLst>
              <a:ext uri="{FF2B5EF4-FFF2-40B4-BE49-F238E27FC236}">
                <a16:creationId xmlns:a16="http://schemas.microsoft.com/office/drawing/2014/main" id="{437EBB78-32CD-4304-AFFE-E8759AC1FC86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3563761" y="139505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8</a:t>
            </a:r>
          </a:p>
        </p:txBody>
      </p:sp>
      <p:sp>
        <p:nvSpPr>
          <p:cNvPr id="22" name="OTLSHAPE_M_b884d37a88284ae49e69a191b573b7eb_Title">
            <a:extLst>
              <a:ext uri="{FF2B5EF4-FFF2-40B4-BE49-F238E27FC236}">
                <a16:creationId xmlns:a16="http://schemas.microsoft.com/office/drawing/2014/main" id="{5B46895E-319B-4FEB-B6EF-6B563C50E207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7183968" y="1199134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ck to School Sale</a:t>
            </a:r>
          </a:p>
        </p:txBody>
      </p:sp>
      <p:sp>
        <p:nvSpPr>
          <p:cNvPr id="23" name="OTLSHAPE_M_b884d37a88284ae49e69a191b573b7eb_Date">
            <a:extLst>
              <a:ext uri="{FF2B5EF4-FFF2-40B4-BE49-F238E27FC236}">
                <a16:creationId xmlns:a16="http://schemas.microsoft.com/office/drawing/2014/main" id="{AEE94B1F-F136-40D5-A022-DC11CF64B444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7594073" y="1395053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8</a:t>
            </a:r>
          </a:p>
        </p:txBody>
      </p:sp>
      <p:sp>
        <p:nvSpPr>
          <p:cNvPr id="25" name="OTLSHAPE_M_141f2061912c4628bb44be954131fe90_Title">
            <a:extLst>
              <a:ext uri="{FF2B5EF4-FFF2-40B4-BE49-F238E27FC236}">
                <a16:creationId xmlns:a16="http://schemas.microsoft.com/office/drawing/2014/main" id="{6A07C032-7FAB-4EAF-969B-E0D0C39AEE21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8628056" y="1199134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inter Collection</a:t>
            </a:r>
          </a:p>
        </p:txBody>
      </p:sp>
      <p:sp>
        <p:nvSpPr>
          <p:cNvPr id="26" name="OTLSHAPE_M_141f2061912c4628bb44be954131fe90_Date">
            <a:extLst>
              <a:ext uri="{FF2B5EF4-FFF2-40B4-BE49-F238E27FC236}">
                <a16:creationId xmlns:a16="http://schemas.microsoft.com/office/drawing/2014/main" id="{D6BD038C-8F11-4C2B-87E4-72543D91E4BB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8996907" y="139505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3</a:t>
            </a:r>
          </a:p>
        </p:txBody>
      </p:sp>
      <p:sp>
        <p:nvSpPr>
          <p:cNvPr id="28" name="OTLSHAPE_M_9e1e4f0a92ef43dd91a866d5da610183_Title">
            <a:extLst>
              <a:ext uri="{FF2B5EF4-FFF2-40B4-BE49-F238E27FC236}">
                <a16:creationId xmlns:a16="http://schemas.microsoft.com/office/drawing/2014/main" id="{E68B9A71-98CF-459A-8EB7-7C82485172F6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9969261" y="1199134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lack Friday Sale</a:t>
            </a:r>
          </a:p>
        </p:txBody>
      </p:sp>
      <p:sp>
        <p:nvSpPr>
          <p:cNvPr id="29" name="OTLSHAPE_M_9e1e4f0a92ef43dd91a866d5da610183_Date">
            <a:extLst>
              <a:ext uri="{FF2B5EF4-FFF2-40B4-BE49-F238E27FC236}">
                <a16:creationId xmlns:a16="http://schemas.microsoft.com/office/drawing/2014/main" id="{7C1B1F0C-8823-4593-B568-212537F7E4C8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0270379" y="139505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5</a:t>
            </a:r>
          </a:p>
        </p:txBody>
      </p:sp>
      <p:sp>
        <p:nvSpPr>
          <p:cNvPr id="366" name="TextBox 365">
            <a:extLst>
              <a:ext uri="{FF2B5EF4-FFF2-40B4-BE49-F238E27FC236}">
                <a16:creationId xmlns:a16="http://schemas.microsoft.com/office/drawing/2014/main" id="{6BFDC06C-70AF-4AAB-B96C-EF3DAAF028A1}"/>
              </a:ext>
            </a:extLst>
          </p:cNvPr>
          <p:cNvSpPr txBox="1"/>
          <p:nvPr/>
        </p:nvSpPr>
        <p:spPr>
          <a:xfrm>
            <a:off x="259280" y="366431"/>
            <a:ext cx="629952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commerce quarterly roadmap</a:t>
            </a:r>
          </a:p>
        </p:txBody>
      </p:sp>
      <p:grpSp>
        <p:nvGrpSpPr>
          <p:cNvPr id="361" name="Group 360">
            <a:extLst>
              <a:ext uri="{FF2B5EF4-FFF2-40B4-BE49-F238E27FC236}">
                <a16:creationId xmlns:a16="http://schemas.microsoft.com/office/drawing/2014/main" id="{2F78D4D1-E812-44E2-8F71-37A8C178E0D9}"/>
              </a:ext>
            </a:extLst>
          </p:cNvPr>
          <p:cNvGrpSpPr/>
          <p:nvPr/>
        </p:nvGrpSpPr>
        <p:grpSpPr>
          <a:xfrm>
            <a:off x="11446296" y="3860258"/>
            <a:ext cx="276999" cy="2332381"/>
            <a:chOff x="11446296" y="4100169"/>
            <a:chExt cx="276999" cy="2332381"/>
          </a:xfrm>
        </p:grpSpPr>
        <p:pic>
          <p:nvPicPr>
            <p:cNvPr id="370" name="Picture 369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A92EEA5A-7CA6-4146-9722-F48EBAA7064F}"/>
                </a:ext>
              </a:extLst>
            </p:cNvPr>
            <p:cNvPicPr>
              <a:picLocks noChangeAspect="1"/>
            </p:cNvPicPr>
            <p:nvPr/>
          </p:nvPicPr>
          <p:blipFill>
            <a:blip r:embed="rId151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371" name="TextBox 370">
              <a:extLst>
                <a:ext uri="{FF2B5EF4-FFF2-40B4-BE49-F238E27FC236}">
                  <a16:creationId xmlns:a16="http://schemas.microsoft.com/office/drawing/2014/main" id="{83556DD8-5A21-459F-97FA-1776CE89A996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247156854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xMy0wMS0wMVQwMDowMD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c5LCJHIjoxMjksIkIiOjE4OX19LCJMaW5lV2VpZ2h0IjoxLjAsIkxpbmVUeXBlIjowLCJQYXJlbnRTdHlsZSI6bnVsbH0sIklzQmVsb3dUaW1lYmFuZCI6dHJ1ZSwiUG9zaXRpb25PblRhc2siOjMsIkhpZGVEYXRlIjpmYWxzZSwiU2hhcGVTaXplIjox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CIsIlRvcCI6MC4wLCJMZWZ0IjowLjAsIlJpZ2h0IjowLjAsIkJvdHRvbSI6MC4wfSwiUGFkZGluZyI6eyIkaWQiOiIzNSIsIlRvcCI6MC4wLCJMZWZ0IjowLjAsIlJpZ2h0IjowLjAsIkJvdHRvbSI6MC4wfSwiQmFja2dyb3VuZCI6eyIkaWQiOiIzNiIsIkNvbG9yIjp7IiRpZCI6IjM3IiwiQSI6MCwiUiI6MjU1LCJHIjoyNTUsIkIiOjI1NX19LCJJc1Zpc2libGUiOmZhbHN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ODIiLCJDb2xvciI6eyIkaWQiOiI4MyIsIkEiOjAsIlIiOjI1NSwiRyI6MjU1LCJCIjoyNTV9fSwiSXNWaXNpYmxlIjpmYWxzZSwiV2lkdGgiOjAuMCwiSGVpZ2h0IjowLjAsIkJvcmRlclN0eWxlIjp7IiRpZCI6Ijg0IiwiTGluZUNvbG9yIjpudWxsLCJMaW5lV2VpZ2h0IjowLjAsIkxpbmVUeXBlIjowLCJQYXJlbnRTdHlsZSI6bnVsbH0sIlBhcmVudFN0eWxlIjpudWxsfSwiRGF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EiLCJUb3AiOjAuMCwiTGVmdCI6MC4wLCJSaWdodCI6MC4wLCJCb3R0b20iOjAuMH0sIlBhZGRpbmciOnsiJGlkIjoiMTQyIiwiVG9wIjowLjAsIkxlZnQiOjAuMCwiUmlnaHQiOjAuMCwiQm90dG9tIjowLjB9LCJCYWNrZ3JvdW5kIjp7IiRpZCI6IjE0MyIsIkNvbG9yIjp7IiRyZWYiOiIxMDQifX0sIklzVmlzaWJsZSI6dHJ1ZSwiV2lkdGgiOjAuMCwiSGVpZ2h0IjowLjAsIkJvcmRlclN0eWxlIjp7IiRpZCI6IjE0NCIsIkxpbmVDb2xvciI6bnVsbCwiTGluZVdlaWdodCI6MC4wLCJMaW5lVHlwZSI6MCwiUGFyZW50U3R5bGUiOm51bGx9LCJQYXJlbnRTdHlsZSI6bnVsbH0sIkRhdGVGb3JtYXQiOnsiJGlkIjoiMT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pZCI6IjI0NiIsIkNvbG9yIjp7IiRpZCI6IjI0NyIsIkEiOjAsIlIiOjI1NSwiRyI6MjU1LCJCIjoyNTV9fSwiSXNWaXNpYmxlIjpmYWxzZSwiV2lkdGgiOjAuMCwiSGVpZ2h0IjowLjAsIkJvcmRlclN0eWxlIjpudWxsLCJQYXJlbnRTdHlsZSI6bnVsbH0sIkRhdGVTdHlsZSI6eyIkaWQiOiIyNDgiLCJGb250U2V0dGluZ3MiOnsiJGlkIjoiMjQ5IiwiRm9udFNpemUiOjEwLCJGb250TmFtZSI6IkNhbGlicmkiLCJJc0JvbGQiOmZhbHNlLCJJc0l0YWxpYyI6ZmFsc2UsIklzVW5kZXJsaW5lZCI6ZmFsc2UsIlBhcmVudFN0eWxlIjpudWxsfSwiQXV0b1NpemUiOjAsIkZvcmVncm91bmQiOnsiJGlkIjoiMjUwIiwiQ29sb3IiOnsiJGlkIjoiMjU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NTUwIiwiQ29sb3IiOnsiJGlkIjoiNTUxIiwiQSI6MCwiUiI6MjU1LCJHIjoyNTUsIkIiOjI1NX19LCJJc1Zpc2libGUiOmZhbHNlLCJXaWR0aCI6MC4wLCJIZWlnaHQiOjAuMCwiQm9yZGVyU3R5bGUiOm51bGwsIlBhcmVudFN0eWxlIjpudWxsfSwiRGF0ZVN0eWxlIjp7IiRpZCI6IjU1MiIsIkZvbnRTZXR0aW5ncyI6eyIkaWQiOiI1NTMiLCJGb250U2l6ZSI6MTAsIkZvbnROYW1lIjoiQ2FsaWJyaSIsIklzQm9sZCI6ZmFsc2UsIklzSXRhbGljIjpmYWxzZSwiSXNVbmRlcmxpbmVkIjpmYWxzZSwiUGFyZW50U3R5bGUiOm51bGx9LCJBdXRvU2l6ZSI6MCwiRm9yZWdyb3VuZCI6eyIkaWQiOiI1NTQiLCJDb2xvciI6eyIkaWQiOiI1N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pZCI6IjY1NiIsIkNvbG9yIjp7IiRpZCI6IjY1NyIsIkEiOjAsIlIiOjI1NSwiRyI6MjU1LCJCIjoyNTV9fSwiSXNWaXNpYmxlIjpmYWxzZSwiV2lkdGgiOjAuMCwiSGVpZ2h0IjowLjAsIkJvcmRlclN0eWxlIjpudWxsLCJQYXJlbnRTdHlsZSI6bnVsbH0sIkRhdGVTdHlsZSI6eyIkaWQiOiI2NTgiLCJGb250U2V0dGluZ3MiOnsiJGlkIjoiNjU5IiwiRm9udFNpemUiOjEwLCJGb250TmFtZSI6IkNhbGlicmkiLCJJc0JvbGQiOmZhbHNlLCJJc0l0YWxpYyI6ZmFsc2UsIklzVW5kZXJsaW5lZCI6ZmFsc2UsIlBhcmVudFN0eWxlIjpudWxsfSwiQXV0b1NpemUiOjAsIkZvcmVncm91bmQiOnsiJGlkIjoiNjYwIiwiQ29sb3IiOnsiJGlkIjoiNjY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M0In0sIlBhZGRpbmciOnsiJHJlZiI6IjM1In0sIkJhY2tncm91bmQiOnsiJGlkIjoiMTM3MyIsIkNvbG9yIjp7IiRyZWYiOiIxMDQifX0sIklzVmlzaWJsZSI6dHJ1ZSwiV2lkdGgiOjAuMCwiSGVpZ2h0IjowLjAsIkJvcmRlclN0eWxlIjpudWxsLCJQYXJlbnRTdHlsZSI6bnVsbH0sIkRhdGVGb3JtYXQiOnsiJGlkIjoiMTM3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k3IiwiRm9ybWF0IjowLCJJc1Zpc2libGUiOmZhbHNlLCJMYXN0S25vd25WaXNpYmlsaXR5U3RhdGUiOmZhbHNlfSwiSXNWaXNpYmxlIjp0cnVlLCJQYXJlbnRTdHlsZSI6bnVsbCwiX2V4cGxpY2l0bHlTZXQiOnsiJGlkIjoiMTM5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LCJSZWNlbnRDb2xvcnNDb2xsZWN0aW9uIjoiW1wiI0ZGRUQ3RDMxXCIsXCIjRkZCMjBFMTJcIixcIiNGRjFBQUE0MlwiXSJ9LCJTZXR0aW5ncyI6eyIkaWQiOiIxNDIyIiwiSW1wYU9wdGlvbnMiOnsiJGlkIjoiMTQyM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0MjQiLCJVc2VUaW1lIjpmYWxzZSwiV29ya0RheVN0YXJ0IjoiMDA6MDA6MDAiLCJXb3JrRGF5RW5kIjoiMjM6NTk6MDAifSwiTGFzdFVzZWRUZW1wbGF0ZUlkIjoiY2MyNmY4NjMtMjdjZS00ODBlLWE1ODktYjNmMTJmMmQ2ZWIw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WORKINGDAYS" val="Standard"/>
  <p:tag name="OTLTIMEBANDELAPSEDTIMEEXTENSION" val="False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LEFTENDCAPSMARGINLEFT" val="129.08944812362"/>
  <p:tag name="OTLTIMEBANDRESERVEDLEFTAREAWIDTH" val="73.8543046357616"/>
  <p:tag name="OTLTIMEBANDRESERVEDLEFTAREAISSET" val="True"/>
  <p:tag name="OTLTIMEBANDSCALETYPE" val="Hours"/>
  <p:tag name="OTLTIMEBANDSCALEFORMAT" val="h tt"/>
  <p:tag name="OTLTIMEBANDUSETIME" val="True"/>
  <p:tag name="OTLTIMEBANDTIMECONFIGWORKDAYSTART" val="08:00:00"/>
  <p:tag name="OTLTIMEBANDTIMECONFIGWORKDAYEND" val="18:00:00"/>
  <p:tag name="OTLTIMEBANDTHREEDEFFECTS" val="None"/>
  <p:tag name="OTLTIMEBANDAUTODATERANGE" val="False"/>
  <p:tag name="OTLTIMEBANDSTARTDATE" val="2021-12-13T08:00:00.0000000"/>
  <p:tag name="OTLTIMEBANDENDDATE" val="2021-12-14T18:00:00.0000000"/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14T09:00:00.0000000Z"/>
  <p:tag name="OTLENDDATE" val="2021-12-14T17:00:00.0000000Z"/>
  <p:tag name="OTLDURATIONFORMAT" val="day"/>
  <p:tag name="OTLSPACING" val="5"/>
  <p:tag name="OTLSHAPETHICKNESSTYPE" val="Regular"/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1-12-13T09:15:00.0000000Z"/>
  <p:tag name="OTLENDDATE" val="2021-12-13T17:15:00.0000000Z"/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13T09:00:00.0000000Z"/>
  <p:tag name="OTLENDDATE" val="2021-12-13T17:00:00.0000000Z"/>
  <p:tag name="OTLDURATIONFORMAT" val="day"/>
  <p:tag name="OTLSPACING" val="5"/>
  <p:tag name="OTLSHAPETHICKNESSTYPE" val="Regular"/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14T09:00:00.0000000Z"/>
  <p:tag name="OTLENDDATE" val="2021-12-14T17:00:00.0000000Z"/>
  <p:tag name="OTLDURATIONFORMAT" val="day"/>
  <p:tag name="OTLSPACING" val="5"/>
  <p:tag name="OTLSHAPETHICKNESSTYPE" val="Regular"/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13T09:00:00.0000000Z"/>
  <p:tag name="OTLENDDATE" val="2021-12-13T17:00:00.0000000Z"/>
  <p:tag name="OTLDURATIONFORMAT" val="day"/>
  <p:tag name="OTLSPACING" val="5"/>
  <p:tag name="OTLSHAPETHICKNESSTYPE" val="Regular"/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14T10:00:00.0000000Z"/>
  <p:tag name="OTLENDDATE" val="2021-12-14T15:00:00.0000000Z"/>
  <p:tag name="OTLDURATIONFORMAT" val="day"/>
  <p:tag name="OTLSPACING" val="5"/>
  <p:tag name="OTLSHAPETHICKNESSTYPE" val="Regular"/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13T13:00:00.0000000Z"/>
  <p:tag name="OTLENDDATE" val="2021-12-13T15:00:00.0000000Z"/>
  <p:tag name="OTLDURATIONFORMAT" val="day"/>
  <p:tag name="OTLSPACING" val="5"/>
  <p:tag name="OTLSHAPETHICKNESSTYPE" val="Regular"/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1-12-13T14:00:00.0000000Z"/>
  <p:tag name="OTLENDDATE" val="2021-12-13T15:30:00.0000000Z"/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14T09:00:00.0000000Z"/>
  <p:tag name="OTLENDDATE" val="2021-12-14T11:00:00.0000000Z"/>
  <p:tag name="OTLDURATIONFORMAT" val="day"/>
  <p:tag name="OTLSPACING" val="5"/>
  <p:tag name="OTLSHAPETHICKNESSTYPE" val="Regular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13T15:15:00.0000000Z"/>
  <p:tag name="OTLENDDATE" val="2021-12-13T17:00:00.0000000Z"/>
  <p:tag name="OTLDURATIONFORMAT" val="day"/>
  <p:tag name="OTLSPACING" val="5"/>
  <p:tag name="OTLSHAPETHICKNESSTYPE" val="Regular"/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1-12-14T12:00:00.0000000Z"/>
  <p:tag name="OTLENDDATE" val="2021-12-14T13:00:00.0000000Z"/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13T15:15:00.0000000Z"/>
  <p:tag name="OTLENDDATE" val="2021-12-13T17:00:00.0000000Z"/>
  <p:tag name="OTLDURATIONFORMAT" val="day"/>
  <p:tag name="OTLSPACING" val="5"/>
  <p:tag name="OTLSHAPETHICKNESSTYPE" val="Regular"/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13T13:00:00.0000000Z"/>
  <p:tag name="OTLENDDATE" val="2021-12-13T14:00:00.0000000Z"/>
  <p:tag name="OTLDURATIONFORMAT" val="day"/>
  <p:tag name="OTLSPACING" val="5"/>
  <p:tag name="OTLSHAPETHICKNESSTYPE" val="Regular"/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1-12-14T10:00:00.0000000Z"/>
  <p:tag name="OTLENDDATE" val="2021-12-14T11:00:00.0000000Z"/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14T10:00:00.0000000Z"/>
  <p:tag name="OTLENDDATE" val="2021-12-14T14:00:00.0000000Z"/>
  <p:tag name="OTLDURATIONFORMAT" val="day"/>
  <p:tag name="OTLSPACING" val="5"/>
  <p:tag name="OTLSHAPETHICKNESSTYPE" val="Regular"/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3-01-01T00:00:00.0000000Z"/>
  <p:tag name="OTLENDDATE" val="2015-12-31T23:59:00.0000000Z"/>
  <p:tag name="OTLDURATIONFORMAT" val="day"/>
  <p:tag name="OTLSPACING" val="5"/>
  <p:tag name="OTLSHAPETHICKNESSTYPE" val="Thick"/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4IiwiVG9wIjowLjAsIkxlZnQiOjAuMCwiUmlnaHQiOjAuMCwiQm90dG9tIjowLjB9LCJQYWRkaW5nIjp7IiRpZCI6IjU5IiwiVG9wIjowLjAsIkxlZnQiOjAuMCwiUmlnaHQiOjAuMCwiQm90dG9tIjowLjB9LCJCYWNrZ3JvdW5kIjp7IiRpZCI6IjYwIiwiQ29sb3IiOnsiJGlkIjoiNjEiLCJBIjowLCJSIjoyNTUsIkciOjI1NSwiQiI6MjU1fX0sIklzVmlzaWJsZSI6ZmFsc2UsIldpZHRoIjowLjAsIkhlaWdodCI6MC4wLCJCb3JkZXJTdHlsZSI6bnVsbCwiUGFyZW50U3R5bGUiOm51bGx9LCJEYXRlRm9ybWF0Ijp7IiRpZCI6IjYy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OCJ9LCJQYWRkaW5nIjp7IiRyZWYiOiI1OSJ9LCJCYWNrZ3JvdW5kIjp7IiRpZCI6IjgzIiwiQ29sb3IiOnsiJGlkIjoiODQiLCJBIjowLCJSIjoyNTUsIkciOjI1NSwiQiI6MjU1fX0sIklzVmlzaWJsZSI6ZmFsc2UsIldpZHRoIjowLjAsIkhlaWdodCI6MC4wLCJCb3JkZXJTdHlsZSI6bnVsbCwiUGFyZW50U3R5bGUiOm51bGx9LCJEYXRlRm9ybWF0Ijp7IiRpZCI6Ijg1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gifSwiUGFkZGluZyI6eyIkcmVmIjoiNTkifSwiQmFja2dyb3VuZCI6eyIkaWQiOiIxMDYiLCJDb2xvciI6eyIkaWQiOiIxMDciLCJBIjowLCJSIjoyNTUsIkciOjI1NSwiQiI6MjU1fX0sIklzVmlzaWJsZSI6ZmFsc2UsIldpZHRoIjowLjAsIkhlaWdodCI6MC4wLCJCb3JkZXJTdHlsZSI6bnVsbCwiUGFyZW50U3R5bGUiOm51bGx9LCJEYXRlRm9ybWF0Ijp7IiRpZCI6IjEwO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MTkwIn19LCJNYXhXaWR0aCI6MjAwLjAsIk1heEhlaWdodCI6IkluZmluaXR5IiwiU21hcnRGb3JlZ3JvdW5kSXNBY3RpdmUiOmZhbHNlLCJIb3Jpem9udGFsQWxpZ25tZW50IjowLCJWZXJ0aWNhbEFsaWdubWVudCI6MCwiU21hcnRGb3JlZ3JvdW5kIjpudWxsLCJCYWNrZ3JvdW5kRmlsbFR5cGUiOjAsIk1hcmdpbiI6eyIkaWQiOiIyNDMiLCJUb3AiOjAuMCwiTGVmdCI6MC4wLCJSaWdodCI6MC4wLCJCb3R0b20iOjAuMH0sIlBhZGRpbmciOnsiJGlkIjoiMjQ0IiwiVG9wIjowLjAsIkxlZnQiOjAuMCwiUmlnaHQiOjAuMCwiQm90dG9tIjowLjB9LCJCYWNrZ3JvdW5kIjp7IiRyZWYiOiIxOTM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MTk2In0sIkxpbmVXZWlnaHQiOjEuMCwiTGluZVR5cGUiOjAsIlBhcmVudFN0eWxlIjpudWxsfSwiVmVydGljYWxDb25uZWN0b3JTdHlsZSI6eyIkaWQiOiIyNDciLCJMaW5lQ29sb3IiOnsiJHJlZiI6IjE5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HJlZiI6IjE4NSJ9fSwiSXNWaXNpYmxlIjp0cnVlLCJXaWR0aCI6MC4wLCJIZWlnaHQiOjAuMCwiQm9yZGVyU3R5bGUiOnsiJGlkIjoiMjcyIiwiTGluZUNvbG9yIjpudWxsLCJMaW5lV2VpZ2h0IjowLjAsIkxpbmVUeXBlIjowLCJQYXJlbnRTdHlsZSI6bnVsbH0sIlBhcmVudFN0eWxlIjpudWxsfSwiRGF0ZUZvcm1hdCI6eyIkaWQiOiIyN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OCJ9LCJQYWRkaW5nIjp7IiRyZWYiOiI1OSJ9LCJCYWNrZ3JvdW5kIjp7IiRpZCI6IjY1NiIsIkNvbG9yIjp7IiRpZCI6IjY1NyIsIkEiOjAsIlIiOjI1NSwiRyI6MjU1LCJCIjoyNTV9fSwiSXNWaXNpYmxlIjpmYWxzZSwiV2lkdGgiOjAuMCwiSGVpZ2h0IjowLjAsIkJvcmRlclN0eWxlIjpudWxsLCJQYXJlbnRTdHlsZSI6bnVsbH0sIkRhdGVGb3JtYXQiOnsiJGlkIjoiNjU4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gifSwiUGFkZGluZyI6eyIkcmVmIjoiNTkifSwiQmFja2dyb3VuZCI6eyIkaWQiOiIxNjA0IiwiQ29sb3IiOnsiJHJlZiI6IjE4NSJ9fSwiSXNWaXNpYmxlIjp0cnVlLCJXaWR0aCI6MC4wLCJIZWlnaHQiOjAuMCwiQm9yZGVyU3R5bGUiOm51bGwsIlBhcmVudFN0eWxlIjpudWxsfSwiRGF0ZUZvcm1hdCI6eyIkaWQiOiIxNjA1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MjkiLCJGb3JtYXQiOjAsIklzVmlzaWJsZSI6ZmFsc2UsIkxhc3RLbm93blZpc2liaWxpdHlTdGF0ZSI6ZmFsc2V9LCJJc1Zpc2libGUiOnRydWUsIlBhcmVudFN0eWxlIjpudWxsLCJfZXhwbGljaXRseVNldCI6eyIkaWQiOiIxNj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n0sIlNldHRpbmdzIjp7IiRpZCI6IjE3OTgiLCJJbXBhT3B0aW9ucyI6eyIkaWQiOiIxNzk5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gwMCIsIlVzZVRpbWUiOmZhbHNlLCJXb3JrRGF5U3RhcnQiOiIwMDowMDowMCIsIldvcmtEYXlFbmQiOiIyMzo1OTowMCJ9LCJMYXN0VXNlZFRlbXBsYXRlSWQiOiJiZjRhN2RlOC0yMzAyLTQ2NzQtODk2ZS03ODM3ZDk4ZDlhZTgiLCJGaXJzdFdlZWtPZlllYXIiOjAsIlBsYWNlTWlsZXN0b25lQXRUaGVCZWdpbm5pbmdPZlRoZURheSI6ZmFsc2V9"/>
  <p:tag name="__MASTER" val="__part_0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6-01-01T00:00:00.0000000Z"/>
  <p:tag name="OTLENDDATE" val="2019-12-31T23:59:00.0000000Z"/>
  <p:tag name="OTLDURATIONFORMAT" val="day"/>
  <p:tag name="OTLSPACING" val="5"/>
  <p:tag name="OTLSHAPETHICKNESSTYPE" val="Thick"/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1-01T00:00:00.0000000Z"/>
  <p:tag name="OTLENDDATE" val="2022-07-20T07:39:00.0000000"/>
  <p:tag name="OTLDURATIONFORMAT" val="day"/>
  <p:tag name="OTLSPACING" val="5"/>
  <p:tag name="OTLSHAPETHICKNESSTYPE" val="Thick"/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THREEDEFFECTS" val="None"/>
  <p:tag name="OTLLEFTENDCAPSMARGINLEFT" val="132.095354692441"/>
  <p:tag name="OTLTIMEBANDRESERVEDLEFTAREAWIDTH" val="76.3523439152578"/>
  <p:tag name="OTLTIMEBANDAUTODATERANGE" val="False"/>
  <p:tag name="OTLTIMEBANDSTARTDATE" val="2022-01-01T23:59:00.0000000"/>
  <p:tag name="OTLTIMEBANDENDDATE" val="2022-12-31T17:46:00.0000000"/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3-03-01T00:00:00.0000000Z"/>
  <p:tag name="OTLENDDATE" val="2015-02-28T23:59:00.0000000Z"/>
  <p:tag name="OTLDURATIONFORMAT" val="day"/>
  <p:tag name="OTLSPACING" val="5"/>
  <p:tag name="OTLSHAPETHICKNESSTYPE" val="Thick"/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THREEDEFFECTS" val="None"/>
  <p:tag name="OTLLEFTENDCAPSMARGINLEFT" val="132.095354692441"/>
  <p:tag name="OTLTIMEBANDRESERVEDLEFTAREAWIDTH" val="76.3523439152578"/>
  <p:tag name="OTLTIMEBANDAUTODATERANGE" val="False"/>
  <p:tag name="OTLTIMEBANDSTARTDATE" val="2022-01-01T23:59:00.0000000"/>
  <p:tag name="OTLTIMEBANDENDDATE" val="2022-12-31T17:46:00.0000000"/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5-03-01T00:00:00.0000000Z"/>
  <p:tag name="OTLENDDATE" val="2017-02-28T23:59:00.0000000Z"/>
  <p:tag name="OTLDURATIONFORMAT" val="day"/>
  <p:tag name="OTLSPACING" val="5"/>
  <p:tag name="OTLSHAPETHICKNESSTYPE" val="Thick"/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7-03-01T00:00:00.0000000Z"/>
  <p:tag name="OTLENDDATE" val="2020-03-01T23:59:00.0000000Z"/>
  <p:tag name="OTLDURATIONFORMAT" val="day"/>
  <p:tag name="OTLSPACING" val="5"/>
  <p:tag name="OTLSHAPETHICKNESSTYPE" val="Thick"/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ck"/>
  <p:tag name="OTLSTARTDATE" val="2022-01-09T23:59:00.0000000"/>
  <p:tag name="OTLENDDATE" val="2022-02-16T06:00:00.0000000"/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4T23:59:00.0000000"/>
  <p:tag name="OTLENDDATE" val="2022-05-06T12:36:00.0000000"/>
  <p:tag name="OTLDURATIONFORMAT" val="day"/>
  <p:tag name="OTLSPACING" val="3"/>
  <p:tag name="OTLSHAPETHICKNESSTYPE" val="Thick"/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ck"/>
  <p:tag name="OTLSTARTDATE" val="2022-08-04T23:59:00.0000000"/>
  <p:tag name="OTLENDDATE" val="2022-09-19T16:30:00.0000000"/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ck"/>
  <p:tag name="OTLSTARTDATE" val="2022-10-06T23:59:00.0000000"/>
  <p:tag name="OTLENDDATE" val="2022-12-01T12:14:00.0000000"/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ck"/>
  <p:tag name="OTLSTARTDATE" val="2022-05-18T23:59:00.0000000"/>
  <p:tag name="OTLENDDATE" val="2022-06-30T16:11:00.0000000"/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ck"/>
  <p:tag name="OTLSTARTDATE" val="2022-02-22T23:59:00.0000000"/>
  <p:tag name="OTLENDDATE" val="2022-03-26T12:36:00.0000000"/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ck"/>
  <p:tag name="OTLSTARTDATE" val="2022-01-16T23:59:00.0000000"/>
  <p:tag name="OTLENDDATE" val="2022-02-25T01:24:00.0000000"/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ck"/>
  <p:tag name="OTLSTARTDATE" val="2022-04-06T23:59:00.0000000"/>
  <p:tag name="OTLENDDATE" val="2022-05-17T01:24:00.0000000"/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06T23:59:00.0000000"/>
  <p:tag name="OTLENDDATE" val="2022-09-15T01:24:00.0000000"/>
  <p:tag name="OTLDURATIONFORMAT" val="day"/>
  <p:tag name="OTLSPACING" val="3"/>
  <p:tag name="OTLSHAPETHICKNESSTYPE" val="Thick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4-06-01T00:00:00.0000000Z"/>
  <p:tag name="OTLENDDATE" val="2017-12-31T23:59:00.0000000Z"/>
  <p:tag name="OTLDURATIONFORMAT" val="day"/>
  <p:tag name="OTLSPACING" val="5"/>
  <p:tag name="OTLSHAPETHICKNESSTYPE" val="Thick"/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03-15T01:24:00.0000000"/>
  <p:tag name="OTLDURATIONFORMAT" val="day"/>
  <p:tag name="OTLSPACING" val="3"/>
  <p:tag name="OTLSHAPETHICKNESSTYPE" val="Thick"/>
  <p:tag name="OTLSTARTDATE" val="2022-01-27T21:17:00.0000000"/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19T23:59:00.0000000"/>
  <p:tag name="OTLENDDATE" val="2022-06-12T19:45:00.0000000"/>
  <p:tag name="OTLDURATIONFORMAT" val="day"/>
  <p:tag name="OTLSPACING" val="3"/>
  <p:tag name="OTLSHAPETHICKNESSTYPE" val="Thick"/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ck"/>
  <p:tag name="OTLSTARTDATE" val="2022-07-07T23:59:00.0000000"/>
  <p:tag name="OTLENDDATE" val="2022-09-12T16:38:00.0000000"/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ck"/>
  <p:tag name="OTLSTARTDATE" val="2022-05-13T23:59:00.0000000"/>
  <p:tag name="OTLENDDATE" val="2022-06-16T00:45:00.0000000"/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3T23:59:00.0000000"/>
  <p:tag name="OTLENDDATE" val="2022-11-29T17:46:00.0000000"/>
  <p:tag name="OTLDURATIONFORMAT" val="day"/>
  <p:tag name="OTLSPACING" val="3"/>
  <p:tag name="OTLSHAPETHICKNESSTYPE" val="Thick"/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16T23:59:00.0000000"/>
  <p:tag name="OTLENDDATE" val="2022-03-29T06:19:00.0000000"/>
  <p:tag name="OTLDURATIONFORMAT" val="day"/>
  <p:tag name="OTLSPACING" val="3"/>
  <p:tag name="OTLSHAPETHICKNESSTYPE" val="Thick"/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ck"/>
  <p:tag name="OTLSTARTDATE" val="2022-07-19T23:59:00.0000000"/>
  <p:tag name="OTLENDDATE" val="2022-08-22T00:45:00.0000000"/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ck"/>
  <p:tag name="OTLSTARTDATE" val="2022-02-23T23:59:00.0000000"/>
  <p:tag name="OTLENDDATE" val="2022-03-29T00:45:00.0000000"/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ck"/>
  <p:tag name="OTLSTARTDATE" val="2022-04-21T23:59:00.0000000"/>
  <p:tag name="OTLENDDATE" val="2022-05-25T00:45:00.0000000"/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31T23:59:00.0000000"/>
  <p:tag name="OTLENDDATE" val="2022-09-03T00:45:00.0000000"/>
  <p:tag name="OTLDURATIONFORMAT" val="day"/>
  <p:tag name="OTLSPACING" val="3"/>
  <p:tag name="OTLSHAPETHICKNESSTYPE" val="Thick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8-01-01T00:00:00.0000000Z"/>
  <p:tag name="OTLENDDATE" val="2021-06-01T23:59:00.0000000Z"/>
  <p:tag name="OTLDURATIONFORMAT" val="day"/>
  <p:tag name="OTLSPACING" val="5"/>
  <p:tag name="OTLSHAPETHICKNESSTYPE" val="Thick"/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ck"/>
  <p:tag name="OTLSTARTDATE" val="2022-10-06T23:59:00.0000000"/>
  <p:tag name="OTLENDDATE" val="2022-11-09T00:45:00.0000000"/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ck"/>
  <p:tag name="OTLSTARTDATE" val="2022-01-15T23:59:00.0000000"/>
  <p:tag name="OTLENDDATE" val="2022-02-18T00:45:00.0000000"/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ck"/>
  <p:tag name="OTLSTARTDATE" val="2022-01-17T02:43:00.0000000"/>
  <p:tag name="OTLENDDATE" val="2022-03-28T12:50:00.0000000"/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ck"/>
  <p:tag name="OTLSTARTDATE" val="2022-07-08T23:59:00.0000000"/>
  <p:tag name="OTLENDDATE" val="2022-09-03T12:50:00.0000000"/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ck"/>
  <p:tag name="OTLSTARTDATE" val="2022-04-05T23:59:00.0000000"/>
  <p:tag name="OTLENDDATE" val="2022-06-26T00:45:00.0000000"/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ck"/>
  <p:tag name="OTLSTARTDATE" val="2022-10-04T23:59:00.0000000"/>
  <p:tag name="OTLENDDATE" val="2022-12-11T09:11:00.0000000"/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erformance"/>
  <p:tag name="OTLPOSITIONONTASK" val="None"/>
  <p:tag name="OTLRELATEDTASKID" val="00000000-0000-0000-0000-000000000000"/>
  <p:tag name="OTLDATE" val="2022-03-25T23:59:00.0000000"/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eck out"/>
  <p:tag name="OTLDATE" val="2022-06-06T23:59:00.0000000"/>
  <p:tag name="OTLPOSITIONONTASK" val="None"/>
  <p:tag name="OTLRELATEDTASKID" val="00000000-0000-0000-0000-000000000000"/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bile app"/>
  <p:tag name="OTLDATE" val="2022-09-17T23:59:00.0000000"/>
  <p:tag name="OTLPOSITIONONTASK" val="None"/>
  <p:tag name="OTLRELATEDTASKID" val="00000000-0000-0000-0000-000000000000"/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Q3 &amp; Q4 roadmap"/>
  <p:tag name="OTLPOSITIONONTASK" val="None"/>
  <p:tag name="OTLRELATEDTASKID" val="00000000-0000-0000-0000-000000000000"/>
  <p:tag name="OTLDATE" val="2022-06-15T23:59:00.0000000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6-01T00:00:00.0000000Z"/>
  <p:tag name="OTLENDDATE" val="2023-07-16T19:37:00.0000000"/>
  <p:tag name="OTLDURATIONFORMAT" val="day"/>
  <p:tag name="OTLSPACING" val="5"/>
  <p:tag name="OTLSHAPETHICKNESSTYPE" val="Thick"/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9-18T01:24:00.0000000"/>
  <p:tag name="OTLPOSITIONONTASK" val="None"/>
  <p:tag name="OTLRELATEDTASKID" val="00000000-0000-0000-0000-000000000000"/>
  <p:tag name="OTLMTITLE" val="Fashion Show Event"/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5-12-28T00:00:00.0000000"/>
  <p:tag name="OTLPOSITIONONTASK" val="None"/>
  <p:tag name="OTLRELATEDTASKID" val="00000000-0000-0000-0000-000000000000"/>
  <p:tag name="OTLMTITLE" val="Decora 2016 - North America launch"/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3-02-28T00:00:00.0000000"/>
  <p:tag name="OTLPOSITIONONTASK" val="None"/>
  <p:tag name="OTLRELATEDTASKID" val="00000000-0000-0000-0000-000000000000"/>
  <p:tag name="OTLMTITLE" val="Floral 2013 - North America launch"/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5-02-27T00:00:00.0000000"/>
  <p:tag name="OTLPOSITIONONTASK" val="None"/>
  <p:tag name="OTLRELATEDTASKID" val="00000000-0000-0000-0000-000000000000"/>
  <p:tag name="OTLMTITLE" val="Floral 2015 - North America launch"/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pring Collection"/>
  <p:tag name="OTLDATE" val="2022-02-28T23:59:00.0000000"/>
  <p:tag name="OTLPOSITIONONTASK" val="None"/>
  <p:tag name="OTLRELATEDTASKID" val="00000000-0000-0000-0000-000000000000"/>
  <p:tag name="OTLDATEFORMATSTRING" val="MMM d"/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ack to School Sale"/>
  <p:tag name="OTLDATE" val="2022-08-08T23:59:00.0000000"/>
  <p:tag name="OTLPOSITIONONTASK" val="None"/>
  <p:tag name="OTLRELATEDTASKID" val="00000000-0000-0000-0000-000000000000"/>
  <p:tag name="OTLDATEFORMATSTRING" val="MMM d"/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nter Collection"/>
  <p:tag name="OTLDATE" val="2022-10-03T23:59:00.0000000"/>
  <p:tag name="OTLPOSITIONONTASK" val="None"/>
  <p:tag name="OTLRELATEDTASKID" val="00000000-0000-0000-0000-000000000000"/>
  <p:tag name="OTLDATEFORMATSTRING" val="MMM d"/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lack Friday Sale"/>
  <p:tag name="OTLDATE" val="2022-11-25T23:59:00.0000000"/>
  <p:tag name="OTLPOSITIONONTASK" val="None"/>
  <p:tag name="OTLRELATEDTASKID" val="00000000-0000-0000-0000-000000000000"/>
  <p:tag name="OTLDATEFORMATSTRING" val="MMM d"/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2023-12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RELATEDTASKID" val="f183bca8-9534-4204-9f71-f4ba7b0978ed"/>
  <p:tag name="OTLDATE" val="2013-01-01T00:00:00.0000000"/>
  <p:tag name="OTLPOSITIONONTASK" val="Center"/>
  <p:tag name="OTLMTITLE" val="Decora 2013 - North America launch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6-01-27T00:00:00.0000000"/>
  <p:tag name="OTLPOSITIONONTASK" val="Center"/>
  <p:tag name="OTLRELATEDTASKID" val="9bb92d50-2a21-48f5-b061-1d96b2cc68a0"/>
  <p:tag name="OTLMTITLE" val="Decora 2016 - Europe launch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6-04-18T00:00:00.0000000"/>
  <p:tag name="OTLPOSITIONONTASK" val="Center"/>
  <p:tag name="OTLRELATEDTASKID" val="9bb92d50-2a21-48f5-b061-1d96b2cc68a0"/>
  <p:tag name="OTLMTITLE" val="Decora 2016 - Asia launch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1-04T00:00:00.0000000"/>
  <p:tag name="OTLPOSITIONONTASK" val="Center"/>
  <p:tag name="OTLRELATEDTASKID" val="78be9f5f-b5a6-4dd5-ad26-1d5130dcf98f"/>
  <p:tag name="OTLMTITLE" val="Decora 2020 - North America launch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2-02T00:00:00.0000000"/>
  <p:tag name="OTLPOSITIONONTASK" val="Center"/>
  <p:tag name="OTLRELATEDTASKID" val="78be9f5f-b5a6-4dd5-ad26-1d5130dcf98f"/>
  <p:tag name="OTLMTITLE" val="Decora 2020 - Europe launch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3-30T00:00:00.0000000"/>
  <p:tag name="OTLPOSITIONONTASK" val="Center"/>
  <p:tag name="OTLRELATEDTASKID" val="78be9f5f-b5a6-4dd5-ad26-1d5130dcf98f"/>
  <p:tag name="OTLMTITLE" val="Decora 2020 - Asia launch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5-07T00:00:00.0000000"/>
  <p:tag name="OTLPOSITIONONTASK" val="Center"/>
  <p:tag name="OTLRELATEDTASKID" val="78be9f5f-b5a6-4dd5-ad26-1d5130dcf98f"/>
  <p:tag name="OTLMTITLE" val="Decora 2020 - South America launch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3-04-27T00:00:00.0000000"/>
  <p:tag name="OTLPOSITIONONTASK" val="Center"/>
  <p:tag name="OTLRELATEDTASKID" val="7010f4bf-6246-4153-8742-ce7ee2d4ae5e"/>
  <p:tag name="OTLMTITLE" val="Floral 2013 - Europe launch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3-06-28T00:00:00.0000000"/>
  <p:tag name="OTLPOSITIONONTASK" val="Center"/>
  <p:tag name="OTLRELATEDTASKID" val="7010f4bf-6246-4153-8742-ce7ee2d4ae5e"/>
  <p:tag name="OTLMTITLE" val="Floral 2013 - Asia launch"/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5-03-22T00:00:00.0000000"/>
  <p:tag name="OTLPOSITIONONTASK" val="Center"/>
  <p:tag name="OTLRELATEDTASKID" val="d0fafd0e-66f1-4c30-af7b-6d01cf1cae65"/>
  <p:tag name="OTLMTITLE" val="Floral 2015 - Europe launch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5-06-16T00:00:00.0000000"/>
  <p:tag name="OTLPOSITIONONTASK" val="Center"/>
  <p:tag name="OTLRELATEDTASKID" val="d0fafd0e-66f1-4c30-af7b-6d01cf1cae65"/>
  <p:tag name="OTLMTITLE" val="Floral 2015 - Asia launch"/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7-03-05T00:00:00.0000000"/>
  <p:tag name="OTLPOSITIONONTASK" val="Center"/>
  <p:tag name="OTLRELATEDTASKID" val="10600831-e370-4432-9654-d88016ebac54"/>
  <p:tag name="OTLMTITLE" val="Floral 2017 - North America launch"/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7-04-03T00:00:00.0000000"/>
  <p:tag name="OTLPOSITIONONTASK" val="Center"/>
  <p:tag name="OTLRELATEDTASKID" val="10600831-e370-4432-9654-d88016ebac54"/>
  <p:tag name="OTLMTITLE" val="Floral 2017 - Europe launch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7-05-06T00:00:00.0000000"/>
  <p:tag name="OTLPOSITIONONTASK" val="Center"/>
  <p:tag name="OTLRELATEDTASKID" val="10600831-e370-4432-9654-d88016ebac54"/>
  <p:tag name="OTLMTITLE" val="Floral 2017 - Asia launch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7-06-05T00:00:00.0000000"/>
  <p:tag name="OTLPOSITIONONTASK" val="Center"/>
  <p:tag name="OTLRELATEDTASKID" val="10600831-e370-4432-9654-d88016ebac54"/>
  <p:tag name="OTLMTITLE" val="Floral 2017 - South America launch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4-06-03T00:00:00.0000000"/>
  <p:tag name="OTLPOSITIONONTASK" val="Center"/>
  <p:tag name="OTLRELATEDTASKID" val="7976d799-8a75-41aa-b614-9a396d131b16"/>
  <p:tag name="OTLMTITLE" val="Arcade 2014 - North America launch"/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4-07-25T00:00:00.0000000"/>
  <p:tag name="OTLPOSITIONONTASK" val="Center"/>
  <p:tag name="OTLRELATEDTASKID" val="7976d799-8a75-41aa-b614-9a396d131b16"/>
  <p:tag name="OTLMTITLE" val="Arcade 2014 - Europe launch"/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6-04T00:00:00.0000000"/>
  <p:tag name="OTLPOSITIONONTASK" val="Center"/>
  <p:tag name="OTLRELATEDTASKID" val="84cab676-753f-420d-8103-4afa3df72e08"/>
  <p:tag name="OTLMTITLE" val="Gamine 2020 - North America launch"/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7-09T00:00:00.0000000"/>
  <p:tag name="OTLPOSITIONONTASK" val="Center"/>
  <p:tag name="OTLRELATEDTASKID" val="84cab676-753f-420d-8103-4afa3df72e08"/>
  <p:tag name="OTLMTITLE" val="Gamine 2020 - Europe launch"/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8-12T00:00:00.0000000"/>
  <p:tag name="OTLPOSITIONONTASK" val="Center"/>
  <p:tag name="OTLRELATEDTASKID" val="84cab676-753f-420d-8103-4afa3df72e08"/>
  <p:tag name="OTLMTITLE" val="Gamine 2020 - Asia launch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rcade 2018 - North America launch"/>
  <p:tag name="OTLDATE" val="2018-01-01T00:00:00.0000000"/>
  <p:tag name="OTLPOSITIONONTASK" val="Center"/>
  <p:tag name="OTLRELATEDTASKID" val="15603390-6fca-4b8a-9a66-251447be9165"/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8-02-10T00:00:00.0000000"/>
  <p:tag name="OTLPOSITIONONTASK" val="Center"/>
  <p:tag name="OTLRELATEDTASKID" val="15603390-6fca-4b8a-9a66-251447be9165"/>
  <p:tag name="OTLMTITLE" val="Arcade 2018 - Europe launch"/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RELATEDTASKID" val="f183bca8-9534-4204-9f71-f4ba7b0978ed"/>
  <p:tag name="OTLDATE" val="2013-03-01T00:00:00.0000000"/>
  <p:tag name="OTLPOSITIONONTASK" val="Center"/>
  <p:tag name="OTLMTITLE" val="Decora 2013 - Europe launch"/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RELATEDTASKID" val="f183bca8-9534-4204-9f71-f4ba7b0978ed"/>
  <p:tag name="OTLDATE" val="2013-05-01T00:00:00.0000000"/>
  <p:tag name="OTLPOSITIONONTASK" val="Center"/>
  <p:tag name="OTLMTITLE" val="Decora 2013 - Asia launch"/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mRlYjE0YzBiLWFjNDctNGEwOC1iOTVkLWMyNWQ5NTAzMjFlZS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MiLCJUb3AiOjAuMCwiTGVmdCI6MC4wLCJSaWdodCI6MC4wLCJCb3R0b20iOjAuMH0sIlBhZGRpbmciOnsiJGlkIjoiODQiLCJUb3AiOjAuMCwiTGVmdCI6MC4wLCJSaWdodCI6MC4wLCJCb3R0b20iOjAuMH0sIkJhY2tncm91bmQiOnsiJGlkIjoiODUiLCJDb2xvciI6eyIkcmVmIjoiNDYifX0sIklzVmlzaWJsZSI6dHJ1ZSwiV2lkdGgiOjAuMCwiSGVpZ2h0IjowLjAsIkJvcmRlclN0eWxlIjp7IiRpZCI6Ijg2IiwiTGluZUNvbG9yIjpudWxsLCJMaW5lV2VpZ2h0IjowLjAsIkxpbmVUeXBlIjowLCJQYXJlbnRTdHlsZSI6bnVsbH0sIlBhcmVudFN0eWxlIjpudWxsfSwiRGF0ZUZvcm1hdCI6eyIkaWQiOiI4Ny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HJlZiI6IjU0In0sIklzVmlzaWJsZSI6dHJ1ZSwiV2lkdGgiOjAuMCwiSGVpZ2h0IjowLjAsIkJvcmRlclN0eWxlIjp7IiRpZCI6Ijk5IiwiTGluZUNvbG9yIjpudWxsLCJMaW5lV2VpZ2h0IjowLjAsIkxpbmVUeXBlIjowLCJQYXJlbnRTdHlsZSI6bnVsbH0sIlBhcmVudFN0eWxlIjpudWxsfSwiSG9yaXpvbnRhbENvbm5lY3RvclN0eWxlIjp7IiRpZCI6IjEwMCIsIkxpbmVDb2xvciI6eyIkcmVmIjoiNTcifSwiTGluZVdlaWdodCI6MS4wLCJMaW5lVHlwZSI6MCwiUGFyZW50U3R5bGUiOm51bGx9LCJWZXJ0aWNhbENvbm5lY3RvclN0eWxlIjp7IiRpZCI6IjEwMSIsIkxpbmVDb2xvciI6eyIkcmVmIjoiNj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HJlZiI6IjU0In0sIklzVmlzaWJsZSI6dHJ1ZSwiV2lkdGgiOjAuMCwiSGVpZ2h0IjowLjAsIkJvcmRlclN0eWxlIjp7IiRpZCI6IjE2MiIsIkxpbmVDb2xvciI6bnVsbCwiTGluZVdlaWdodCI6MC4wLCJMaW5lVHlwZSI6MCwiUGFyZW50U3R5bGUiOm51bGx9LCJQYXJlbnRTdHlsZSI6bnVsbH0sIkhvcml6b250YWxDb25uZWN0b3JTdHlsZSI6eyIkaWQiOiIxNjMiLCJMaW5lQ29sb3IiOnsiJHJlZiI6IjU3In0sIkxpbmVXZWlnaHQiOjEuMCwiTGluZVR5cGUiOjAsIlBhcmVudFN0eWxlIjpudWxsfSwiVmVydGljYWxDb25uZWN0b3JTdHlsZSI6eyIkaWQiOiIxNjQiLCJMaW5lQ29sb3IiOnsiJHJlZiI6IjY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HJlZiI6IjU0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U3In0sIkxpbmVXZWlnaHQiOjEuMCwiTGluZVR5cGUiOjAsIlBhcmVudFN0eWxlIjpudWxsfSwiVmVydGljYWxDb25uZWN0b3JTdHlsZSI6eyIkaWQiOiIyODIiLCJMaW5lQ29sb3IiOnsiJHJlZiI6IjYw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MjgzIiwiTWFyZ2luIjp7IiRyZWYiOiI2MyJ9LCJQYWRkaW5nIjp7IiRyZWYiOiI2NCJ9LCJCYWNrZ3JvdW5kIjp7IiRpZCI6IjI4NCIsIkNvbG9yIjp7IiRpZCI6IjI4NSIsIkEiOjI1NSwiUiI6MTExLCJHIjo0OSwiQiI6MTUyfX0sIklzVmlzaWJsZSI6dHJ1ZSwiV2lkdGgiOjAuMCwiSGVpZ2h0IjoxNi4wLCJCb3JkZXJTdHlsZSI6eyIkaWQiOiIyODYiLCJMaW5lQ29sb3IiOnsiJGlkIjoiMjg3IiwiJHR5cGUiOiJOTFJFLkNvbW1vbi5Eb20uU29saWRDb2xvckJydXNoLCBOTFJFLkNvbW1vbiIsIkNvbG9yIjp7IiRpZCI6IjI4OCIsIkEiOjI1NSwiUiI6MjU1LCJHIjowLCJCIjowfX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pZCI6IjI5Mi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yZWYiOiI1NCJ9LCJJc1Zpc2libGUiOnRydWUsIldpZHRoIjowLjAsIkhlaWdodCI6MC4wLCJCb3JkZXJTdHlsZSI6eyIkaWQiOiIzOTgiLCJMaW5lQ29sb3IiOm51bGwsIkxpbmVXZWlnaHQiOjAuMCwiTGluZVR5cGUiOjAsIlBhcmVudFN0eWxlIjpudWxsfSwiUGFyZW50U3R5bGUiOm51bGx9LCJIb3Jpem9udGFsQ29ubmVjdG9yU3R5bGUiOnsiJGlkIjoiMzk5IiwiTGluZUNvbG9yIjp7IiRyZWYiOiI1NyJ9LCJMaW5lV2VpZ2h0IjoxLjAsIkxpbmVUeXBlIjowLCJQYXJlbnRTdHlsZSI6bnVsbH0sIlZlcnRpY2FsQ29ubmVjdG9yU3R5bGUiOnsiJGlkIjoiNDAwIiwiTGluZUNvbG9yIjp7IiRyZWYiOiI2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yZWYiOiI1NCJ9LCJJc1Zpc2libGUiOnRydWUsIldpZHRoIjowLjAsIkhlaWdodCI6MC4wLCJCb3JkZXJTdHlsZSI6eyIkaWQiOiI0MjkiLCJMaW5lQ29sb3IiOm51bGwsIkxpbmVXZWlnaHQiOjAuMCwiTGluZVR5cGUiOjAsIlBhcmVudFN0eWxlIjpudWxsfSwiUGFyZW50U3R5bGUiOm51bGx9LCJIb3Jpem9udGFsQ29ubmVjdG9yU3R5bGUiOnsiJGlkIjoiNDMwIiwiTGluZUNvbG9yIjp7IiRyZWYiOiI1NyJ9LCJMaW5lV2VpZ2h0IjoxLjAsIkxpbmVUeXBlIjowLCJQYXJlbnRTdHlsZSI6bnVsbH0sIlZlcnRpY2FsQ29ubmVjdG9yU3R5bGUiOnsiJGlkIjoiNDMxIiwiTGluZUNvbG9yIjp7IiRyZWYiOiI2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4MyJ9LCJQYWRkaW5nIjp7IiRyZWYiOiI4NCJ9LCJCYWNrZ3JvdW5kIjp7IiRpZCI6IjQ0OSIsIkNvbG9yIjp7IiRpZCI6IjQ1MCIsIkEiOjAsIlIiOjI1NSwiRyI6MjU1LCJCIjoyNTV9fSwiSXNWaXNpYmxlIjp0cnVlLCJXaWR0aCI6MC4wLCJIZWlnaHQiOjAuMCwiQm9yZGVyU3R5bGUiOnsiJGlkIjoiNDUxIiwiTGluZUNvbG9yIjpudWxsLCJMaW5lV2VpZ2h0IjowLjAsIkxpbmVUeXBlIjowLCJQYXJlbnRTdHlsZSI6bnVsbH0sIlBhcmVudFN0eWxlIjpudWxsfSwiRGF0ZUZvcm1hdCI6eyIkaWQiOiI0NTI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yZWYiOiI1NCJ9LCJJc1Zpc2libGUiOnRydWUsIldpZHRoIjowLjAsIkhlaWdodCI6MC4wLCJCb3JkZXJTdHlsZSI6eyIkaWQiOiI3NTAiLCJMaW5lQ29sb3IiOm51bGwsIkxpbmVXZWlnaHQiOjAuMCwiTGluZVR5cGUiOjAsIlBhcmVudFN0eWxlIjpudWxsfSwiUGFyZW50U3R5bGUiOm51bGx9LCJIb3Jpem9udGFsQ29ubmVjdG9yU3R5bGUiOnsiJGlkIjoiNzUxIiwiTGluZUNvbG9yIjp7IiRyZWYiOiI1NyJ9LCJMaW5lV2VpZ2h0IjoxLjAsIkxpbmVUeXBlIjowLCJQYXJlbnRTdHlsZSI6bnVsbH0sIlZlcnRpY2FsQ29ubmVjdG9yU3R5bGUiOnsiJGlkIjoiNzUyIiwiTGluZUNvbG9yIjp7IiRyZWYiOiI2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HJlZiI6IjU0In0sIklzVmlzaWJsZSI6dHJ1ZSwiV2lkdGgiOjAuMCwiSGVpZ2h0IjowLjAsIkJvcmRlclN0eWxlIjp7IiRpZCI6IjgwOSIsIkxpbmVDb2xvciI6bnVsbCwiTGluZVdlaWdodCI6MC4wLCJMaW5lVHlwZSI6MCwiUGFyZW50U3R5bGUiOm51bGx9LCJQYXJlbnRTdHlsZSI6bnVsbH0sIkhvcml6b250YWxDb25uZWN0b3JTdHlsZSI6eyIkaWQiOiI4MTAiLCJMaW5lQ29sb3IiOnsiJHJlZiI6IjU3In0sIkxpbmVXZWlnaHQiOjEuMCwiTGluZVR5cGUiOjAsIlBhcmVudFN0eWxlIjpudWxsfSwiVmVydGljYWxDb25uZWN0b3JTdHlsZSI6eyIkaWQiOiI4MTEiLCJMaW5lQ29sb3IiOnsiJHJlZiI6IjY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yZWYiOiI1NCJ9LCJJc1Zpc2libGUiOnRydWUsIldpZHRoIjowLjAsIkhlaWdodCI6MC4wLCJCb3JkZXJTdHlsZSI6eyIkaWQiOiI4NjUiLCJMaW5lQ29sb3IiOm51bGwsIkxpbmVXZWlnaHQiOjAuMCwiTGluZVR5cGUiOjAsIlBhcmVudFN0eWxlIjpudWxsfSwiUGFyZW50U3R5bGUiOm51bGx9LCJIb3Jpem9udGFsQ29ubmVjdG9yU3R5bGUiOnsiJGlkIjoiODY2IiwiTGluZUNvbG9yIjp7IiRyZWYiOiI1NyJ9LCJMaW5lV2VpZ2h0IjoxLjAsIkxpbmVUeXBlIjowLCJQYXJlbnRTdHlsZSI6bnVsbH0sIlZlcnRpY2FsQ29ubmVjdG9yU3R5bGUiOnsiJGlkIjoiODY3IiwiTGluZUNvbG9yIjp7IiRyZWYiOiI2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HJlZiI6IjU0In0sIklzVmlzaWJsZSI6dHJ1ZSwiV2lkdGgiOjAuMCwiSGVpZ2h0IjowLjAsIkJvcmRlclN0eWxlIjp7IiRpZCI6IjkyNSIsIkxpbmVDb2xvciI6bnVsbCwiTGluZVdlaWdodCI6MC4wLCJMaW5lVHlwZSI6MCwiUGFyZW50U3R5bGUiOm51bGx9LCJQYXJlbnRTdHlsZSI6bnVsbH0sIkhvcml6b250YWxDb25uZWN0b3JTdHlsZSI6eyIkaWQiOiI5MjYiLCJMaW5lQ29sb3IiOnsiJHJlZiI6IjU3In0sIkxpbmVXZWlnaHQiOjEuMCwiTGluZVR5cGUiOjAsIlBhcmVudFN0eWxlIjpudWxsfSwiVmVydGljYWxDb25uZWN0b3JTdHlsZSI6eyIkaWQiOiI5MjciLCJMaW5lQ29sb3IiOnsiJHJlZiI6IjYw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A0IiwiVG9wIjowLjAsIkxlZnQiOjAuMCwiUmlnaHQiOjAuMCwiQm90dG9tIjowLjB9LCJQYWRkaW5nIjp7IiRpZCI6IjExMDUiLCJUb3AiOjAuMCwiTGVmdCI6MC4wLCJSaWdodCI6MC4wLCJCb3R0b20iOjAuMH0sIkJhY2tncm91bmQiOnsiJGlkIjoiMTEwNiIsIkNvbG9yIjp7IiRyZWYiOiI0NiJ9fSwiSXNWaXNpYmxlIjp0cnVlLCJXaWR0aCI6MC4wLCJIZWlnaHQiOjAuMCwiQm9yZGVyU3R5bGUiOm51bGwsIlBhcmVudFN0eWxlIjpudWxsfSwiRGF0ZUZvcm1hdCI6eyIkaWQiOiIxMT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HJlZiI6IjU0In0sIklzVmlzaWJsZSI6dHJ1ZSwiV2lkdGgiOjAuMCwiSGVpZ2h0IjowLjAsIkJvcmRlclN0eWxlIjpudWxsLCJQYXJlbnRTdHlsZSI6bnVsbH0sIkhvcml6b250YWxDb25uZWN0b3JTdHlsZSI6eyIkaWQiOiIxMTE0IiwiTGluZUNvbG9yIjp7IiRyZWYiOiI1NyJ9LCJMaW5lV2VpZ2h0IjoxLjAsIkxpbmVUeXBlIjowLCJQYXJlbnRTdHlsZSI6bnVsbH0sIlZlcnRpY2FsQ29ubmVjdG9yU3R5bGUiOnsiJGlkIjoiMTExNSIsIkxpbmVDb2xvciI6eyIkcmVmIjoiNjA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MwIiwiRm9ybWF0IjowLCJJc1Zpc2libGUiOmZhbHNlLCJMYXN0S25vd25WaXNpYmlsaXR5U3RhdGUiOmZhbHNlfSwiSXNWaXNpYmxlIjp0cnVlLCJQYXJlbnRTdHlsZSI6bnVsbCwiX2V4cGxpY2l0bHlTZXQiOnsiJGlkIjoiMTEz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JlY2VudENvbG9yc0NvbGxlY3Rpb24iOiJbXCIjRkYyRjM2OTlcIl0ifSwiU2V0dGluZ3MiOnsiJGlkIjoiMTE1NSIsIkltcGFPcHRpb25zIjp7IiRpZCI6IjExNTY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TU3IiwiVXNlVGltZSI6dHJ1ZSwiV29ya0RheVN0YXJ0IjoiMDg6MDA6MDAiLCJXb3JrRGF5RW5kIjoiMTg6MDA6MDAifSwiTGFzdFVzZWRUZW1wbGF0ZUlkIjoiY2MyNmY4NjMtMjdjZS00ODBlLWE1ODktYjNmMTJmMmQ2ZWIwIiwiRmlyc3RXZWVrT2ZZZWFyIjowLCJQbGFjZU1pbGVzdG9uZUF0VGhlQmVnaW5uaW5nT2ZUaGVEYXkiOmZhbHNlfQ=="/>
  <p:tag name="__MASTER" val="__part_0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Aspect">
      <a:dk1>
        <a:sysClr val="windowText" lastClr="000000"/>
      </a:dk1>
      <a:lt1>
        <a:sysClr val="window" lastClr="FFFFFF"/>
      </a:lt1>
      <a:dk2>
        <a:srgbClr val="323232"/>
      </a:dk2>
      <a:lt2>
        <a:srgbClr val="E3DED1"/>
      </a:lt2>
      <a:accent1>
        <a:srgbClr val="F07F09"/>
      </a:accent1>
      <a:accent2>
        <a:srgbClr val="9F2936"/>
      </a:accent2>
      <a:accent3>
        <a:srgbClr val="1B587C"/>
      </a:accent3>
      <a:accent4>
        <a:srgbClr val="4E8542"/>
      </a:accent4>
      <a:accent5>
        <a:srgbClr val="604878"/>
      </a:accent5>
      <a:accent6>
        <a:srgbClr val="C19859"/>
      </a:accent6>
      <a:hlink>
        <a:srgbClr val="6B9F25"/>
      </a:hlink>
      <a:folHlink>
        <a:srgbClr val="B26B0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2_Office Theme">
  <a:themeElements>
    <a:clrScheme name="Blue Warm">
      <a:dk1>
        <a:sysClr val="windowText" lastClr="000000"/>
      </a:dk1>
      <a:lt1>
        <a:sysClr val="window" lastClr="FFFFFF"/>
      </a:lt1>
      <a:dk2>
        <a:srgbClr val="242852"/>
      </a:dk2>
      <a:lt2>
        <a:srgbClr val="ACCBF9"/>
      </a:lt2>
      <a:accent1>
        <a:srgbClr val="4A66AC"/>
      </a:accent1>
      <a:accent2>
        <a:srgbClr val="629DD1"/>
      </a:accent2>
      <a:accent3>
        <a:srgbClr val="297FD5"/>
      </a:accent3>
      <a:accent4>
        <a:srgbClr val="7F8FA9"/>
      </a:accent4>
      <a:accent5>
        <a:srgbClr val="5AA2AE"/>
      </a:accent5>
      <a:accent6>
        <a:srgbClr val="9D90A0"/>
      </a:accent6>
      <a:hlink>
        <a:srgbClr val="9454C3"/>
      </a:hlink>
      <a:folHlink>
        <a:srgbClr val="3EBBF0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64</Words>
  <Application>Microsoft Office PowerPoint</Application>
  <PresentationFormat>Widescreen</PresentationFormat>
  <Paragraphs>150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4</vt:i4>
      </vt:variant>
    </vt:vector>
  </HeadingPairs>
  <TitlesOfParts>
    <vt:vector size="12" baseType="lpstr">
      <vt:lpstr>Arial</vt:lpstr>
      <vt:lpstr>Calibri</vt:lpstr>
      <vt:lpstr>Calibri Light</vt:lpstr>
      <vt:lpstr>Open Sans</vt:lpstr>
      <vt:lpstr>Segoe UI </vt:lpstr>
      <vt:lpstr>Office Theme</vt:lpstr>
      <vt:lpstr>1_Office Theme</vt:lpstr>
      <vt:lpstr>2_Office Theme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1-31T13:31:37Z</dcterms:created>
  <dcterms:modified xsi:type="dcterms:W3CDTF">2022-01-31T13:32:07Z</dcterms:modified>
</cp:coreProperties>
</file>